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328"/>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26B92B47-0AC8-409E-A3F2-7444E7E68DF0}"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11" i="2" l="1"/>
  <c r="A1511" i="2"/>
</calcChain>
</file>

<file path=xl/sharedStrings.xml><?xml version="1.0" encoding="utf-8"?>
<sst xmlns="http://schemas.openxmlformats.org/spreadsheetml/2006/main" count="3368" uniqueCount="3294">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t>
  </si>
  <si>
    <t>February 6, 2014
Contact information amended
October 3, 2018
Contact information amended 
October 22, 2020
Additional Joinder Qualifications
April 27, 2021
Contact information updated 1/16/24</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t>
  </si>
  <si>
    <t>IMS Securities, Inc.</t>
  </si>
  <si>
    <t>Christensen Capital, LLC</t>
  </si>
  <si>
    <t>Clarity Financial LLC</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Broadstone Securities</t>
  </si>
  <si>
    <t>January 27, 2022</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LifeCapital Partners LLC</t>
  </si>
  <si>
    <t>Bayou Financial Planning, LLC
d/b/a MMG Wealth Management</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b/>
      <u/>
      <sz val="11"/>
      <color theme="10"/>
      <name val="Calibri"/>
      <family val="2"/>
      <scheme val="minor"/>
    </font>
    <font>
      <u/>
      <sz val="11"/>
      <color theme="10"/>
      <name val="Arial"/>
      <family val="2"/>
    </font>
    <font>
      <u/>
      <sz val="11"/>
      <color theme="10"/>
      <name val="Calibri"/>
      <family val="2"/>
    </font>
    <font>
      <u/>
      <sz val="11"/>
      <color theme="10"/>
      <name val="Calibri"/>
      <family val="2"/>
      <scheme val="minor"/>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2">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9" fillId="4" borderId="2" xfId="5" applyNumberFormat="1" applyFont="1" applyFill="1" applyBorder="1" applyAlignment="1">
      <alignment horizontal="center" vertical="center"/>
    </xf>
    <xf numFmtId="14" fontId="10"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9" fillId="0" borderId="2" xfId="5" applyNumberFormat="1" applyFont="1" applyFill="1" applyBorder="1" applyAlignment="1">
      <alignment horizontal="center" vertical="center"/>
    </xf>
    <xf numFmtId="14" fontId="12" fillId="0" borderId="2" xfId="5" applyNumberFormat="1" applyFont="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0" fontId="6" fillId="4" borderId="0" xfId="0" applyFont="1" applyFill="1" applyAlignment="1">
      <alignment horizontal="center" vertical="center"/>
    </xf>
    <xf numFmtId="14" fontId="9"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9"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0" fontId="8" fillId="4" borderId="0" xfId="0" applyFont="1" applyFill="1" applyAlignment="1">
      <alignment horizontal="center" vertical="center"/>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884698</xdr:colOff>
      <xdr:row>0</xdr:row>
      <xdr:rowOff>243321</xdr:rowOff>
    </xdr:from>
    <xdr:to>
      <xdr:col>2</xdr:col>
      <xdr:colOff>444859</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20675"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https://www.jsheld.com/secure-uploads/BP-Joinder-Letters/Private-Advisor-Group-LLC-11.12.2025.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1.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93" Type="http://schemas.openxmlformats.org/officeDocument/2006/relationships/drawing" Target="../drawings/drawing1.xml"/><Relationship Id="rId3" Type="http://schemas.openxmlformats.org/officeDocument/2006/relationships/hyperlink" Target="https://www.jsheld.com/secure-uploads/BP-Joinder-Letters/ML-12.14.09.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https://www.jsheld.com/secure-uploads/BP-Joinder-Letters/RJFSA-11.14.25_2.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printerSettings" Target="../printerSettings/printerSettings1.bin"/><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590"/>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0</v>
      </c>
      <c r="B6" s="13" t="s">
        <v>2771</v>
      </c>
      <c r="C6" s="14"/>
    </row>
    <row r="7" spans="1:3" x14ac:dyDescent="0.25">
      <c r="A7" s="12" t="s">
        <v>2619</v>
      </c>
      <c r="B7" s="15">
        <v>43803</v>
      </c>
      <c r="C7" s="14"/>
    </row>
    <row r="8" spans="1:3" x14ac:dyDescent="0.25">
      <c r="A8" s="12" t="s">
        <v>2761</v>
      </c>
      <c r="B8" s="16">
        <v>44323</v>
      </c>
      <c r="C8" s="14"/>
    </row>
    <row r="9" spans="1:3" x14ac:dyDescent="0.25">
      <c r="A9" s="17" t="s">
        <v>959</v>
      </c>
      <c r="B9" s="15">
        <v>40913</v>
      </c>
      <c r="C9" s="18"/>
    </row>
    <row r="10" spans="1:3" x14ac:dyDescent="0.25">
      <c r="A10" s="12" t="s">
        <v>2041</v>
      </c>
      <c r="B10" s="15">
        <v>42803</v>
      </c>
      <c r="C10" s="18"/>
    </row>
    <row r="11" spans="1:3" ht="30" x14ac:dyDescent="0.25">
      <c r="A11" s="12" t="s">
        <v>2056</v>
      </c>
      <c r="B11" s="15" t="s">
        <v>2057</v>
      </c>
      <c r="C11" s="14"/>
    </row>
    <row r="12" spans="1:3" x14ac:dyDescent="0.25">
      <c r="A12" s="17" t="s">
        <v>1370</v>
      </c>
      <c r="B12" s="15">
        <v>41729</v>
      </c>
      <c r="C12" s="18"/>
    </row>
    <row r="13" spans="1:3" x14ac:dyDescent="0.25">
      <c r="A13" s="12" t="s">
        <v>2751</v>
      </c>
      <c r="B13" s="16">
        <v>44294</v>
      </c>
      <c r="C13" s="14"/>
    </row>
    <row r="14" spans="1:3" ht="30" x14ac:dyDescent="0.25">
      <c r="A14" s="12" t="s">
        <v>2353</v>
      </c>
      <c r="B14" s="15">
        <v>43257</v>
      </c>
      <c r="C14" s="14"/>
    </row>
    <row r="15" spans="1:3" x14ac:dyDescent="0.25">
      <c r="A15" s="19" t="s">
        <v>3150</v>
      </c>
      <c r="B15" s="16">
        <v>45330</v>
      </c>
      <c r="C15" s="14"/>
    </row>
    <row r="16" spans="1:3" x14ac:dyDescent="0.25">
      <c r="A16" s="17" t="s">
        <v>1310</v>
      </c>
      <c r="B16" s="15">
        <v>41642</v>
      </c>
      <c r="C16" s="18"/>
    </row>
    <row r="17" spans="1:3" x14ac:dyDescent="0.25">
      <c r="A17" s="12" t="s">
        <v>3111</v>
      </c>
      <c r="B17" s="16">
        <v>45169</v>
      </c>
      <c r="C17" s="14"/>
    </row>
    <row r="18" spans="1:3" x14ac:dyDescent="0.25">
      <c r="A18" s="12" t="s">
        <v>2684</v>
      </c>
      <c r="B18" s="16">
        <v>44063</v>
      </c>
      <c r="C18" s="14"/>
    </row>
    <row r="19" spans="1:3" x14ac:dyDescent="0.25">
      <c r="A19" s="12" t="s">
        <v>3092</v>
      </c>
      <c r="B19" s="16">
        <v>45106</v>
      </c>
      <c r="C19" s="14"/>
    </row>
    <row r="20" spans="1:3" ht="45" x14ac:dyDescent="0.25">
      <c r="A20" s="12" t="s">
        <v>2409</v>
      </c>
      <c r="B20" s="15" t="s">
        <v>2410</v>
      </c>
      <c r="C20" s="14"/>
    </row>
    <row r="21" spans="1:3" x14ac:dyDescent="0.25">
      <c r="A21" s="12" t="s">
        <v>2133</v>
      </c>
      <c r="B21" s="15">
        <v>42913</v>
      </c>
      <c r="C21" s="14"/>
    </row>
    <row r="22" spans="1:3" x14ac:dyDescent="0.25">
      <c r="A22" s="17" t="s">
        <v>819</v>
      </c>
      <c r="B22" s="15">
        <v>40617</v>
      </c>
      <c r="C22" s="18"/>
    </row>
    <row r="23" spans="1:3" ht="30" x14ac:dyDescent="0.25">
      <c r="A23" s="17" t="s">
        <v>1893</v>
      </c>
      <c r="B23" s="15" t="s">
        <v>1894</v>
      </c>
      <c r="C23" s="18"/>
    </row>
    <row r="24" spans="1:3" ht="30" x14ac:dyDescent="0.25">
      <c r="A24" s="17" t="s">
        <v>1472</v>
      </c>
      <c r="B24" s="15">
        <v>41899</v>
      </c>
      <c r="C24" s="18"/>
    </row>
    <row r="25" spans="1:3" x14ac:dyDescent="0.25">
      <c r="A25" s="12" t="s">
        <v>2306</v>
      </c>
      <c r="B25" s="15">
        <v>43164</v>
      </c>
      <c r="C25" s="14"/>
    </row>
    <row r="26" spans="1:3" x14ac:dyDescent="0.25">
      <c r="A26" s="12" t="s">
        <v>3156</v>
      </c>
      <c r="B26" s="16">
        <v>45344</v>
      </c>
      <c r="C26" s="14"/>
    </row>
    <row r="27" spans="1:3" x14ac:dyDescent="0.25">
      <c r="A27" s="17" t="s">
        <v>40</v>
      </c>
      <c r="B27" s="15">
        <v>39142</v>
      </c>
      <c r="C27" s="18"/>
    </row>
    <row r="28" spans="1:3" x14ac:dyDescent="0.25">
      <c r="A28" s="17" t="s">
        <v>1728</v>
      </c>
      <c r="B28" s="15">
        <v>42349</v>
      </c>
      <c r="C28" s="18"/>
    </row>
    <row r="29" spans="1:3" x14ac:dyDescent="0.25">
      <c r="A29" s="20" t="s">
        <v>3268</v>
      </c>
      <c r="B29" s="21">
        <v>45874</v>
      </c>
      <c r="C29" s="22"/>
    </row>
    <row r="30" spans="1:3" ht="60" x14ac:dyDescent="0.25">
      <c r="A30" s="23" t="s">
        <v>2283</v>
      </c>
      <c r="B30" s="15" t="s">
        <v>2284</v>
      </c>
      <c r="C30" s="14"/>
    </row>
    <row r="31" spans="1:3" x14ac:dyDescent="0.25">
      <c r="A31" s="12" t="s">
        <v>1996</v>
      </c>
      <c r="B31" s="15">
        <v>42754</v>
      </c>
      <c r="C31" s="14"/>
    </row>
    <row r="32" spans="1:3" x14ac:dyDescent="0.25">
      <c r="A32" s="17" t="s">
        <v>2535</v>
      </c>
      <c r="B32" s="15">
        <v>43622</v>
      </c>
      <c r="C32" s="14"/>
    </row>
    <row r="33" spans="1:3" x14ac:dyDescent="0.25">
      <c r="A33" s="17" t="s">
        <v>865</v>
      </c>
      <c r="B33" s="15">
        <v>40709</v>
      </c>
      <c r="C33" s="18"/>
    </row>
    <row r="34" spans="1:3" x14ac:dyDescent="0.25">
      <c r="A34" s="17" t="s">
        <v>1889</v>
      </c>
      <c r="B34" s="15">
        <v>42613</v>
      </c>
      <c r="C34" s="18"/>
    </row>
    <row r="35" spans="1:3" x14ac:dyDescent="0.25">
      <c r="A35" s="17" t="s">
        <v>1154</v>
      </c>
      <c r="B35" s="15">
        <v>41255</v>
      </c>
      <c r="C35" s="18"/>
    </row>
    <row r="36" spans="1:3" x14ac:dyDescent="0.25">
      <c r="A36" s="20" t="s">
        <v>3277</v>
      </c>
      <c r="B36" s="21">
        <v>45937</v>
      </c>
      <c r="C36" s="22"/>
    </row>
    <row r="37" spans="1:3" x14ac:dyDescent="0.25">
      <c r="A37" s="17" t="s">
        <v>608</v>
      </c>
      <c r="B37" s="15">
        <v>40291</v>
      </c>
      <c r="C37" s="18"/>
    </row>
    <row r="38" spans="1:3" x14ac:dyDescent="0.25">
      <c r="A38" s="12" t="s">
        <v>3054</v>
      </c>
      <c r="B38" s="16">
        <v>45023</v>
      </c>
      <c r="C38" s="14"/>
    </row>
    <row r="39" spans="1:3" x14ac:dyDescent="0.25">
      <c r="A39" s="17" t="s">
        <v>1374</v>
      </c>
      <c r="B39" s="15">
        <v>41733</v>
      </c>
      <c r="C39" s="18"/>
    </row>
    <row r="40" spans="1:3" ht="45" x14ac:dyDescent="0.25">
      <c r="A40" s="17" t="s">
        <v>200</v>
      </c>
      <c r="B40" s="15" t="s">
        <v>201</v>
      </c>
      <c r="C40" s="18"/>
    </row>
    <row r="41" spans="1:3" x14ac:dyDescent="0.25">
      <c r="A41" s="17" t="s">
        <v>1776</v>
      </c>
      <c r="B41" s="15">
        <v>42444</v>
      </c>
      <c r="C41" s="18"/>
    </row>
    <row r="42" spans="1:3" ht="60" x14ac:dyDescent="0.25">
      <c r="A42" s="17" t="s">
        <v>905</v>
      </c>
      <c r="B42" s="15" t="s">
        <v>906</v>
      </c>
      <c r="C42" s="18"/>
    </row>
    <row r="43" spans="1:3" ht="30" x14ac:dyDescent="0.25">
      <c r="A43" s="17" t="s">
        <v>1613</v>
      </c>
      <c r="B43" s="15" t="s">
        <v>1614</v>
      </c>
      <c r="C43" s="18"/>
    </row>
    <row r="44" spans="1:3" ht="45" x14ac:dyDescent="0.25">
      <c r="A44" s="12" t="s">
        <v>3146</v>
      </c>
      <c r="B44" s="13" t="s">
        <v>3147</v>
      </c>
      <c r="C44" s="14"/>
    </row>
    <row r="45" spans="1:3" ht="30" x14ac:dyDescent="0.25">
      <c r="A45" s="17" t="s">
        <v>1253</v>
      </c>
      <c r="B45" s="15" t="s">
        <v>1254</v>
      </c>
      <c r="C45" s="18"/>
    </row>
    <row r="46" spans="1:3" x14ac:dyDescent="0.25">
      <c r="A46" s="17" t="s">
        <v>747</v>
      </c>
      <c r="B46" s="15">
        <v>40479</v>
      </c>
      <c r="C46" s="18"/>
    </row>
    <row r="47" spans="1:3" x14ac:dyDescent="0.25">
      <c r="A47" s="17" t="s">
        <v>1199</v>
      </c>
      <c r="B47" s="15">
        <v>41383</v>
      </c>
      <c r="C47" s="18"/>
    </row>
    <row r="48" spans="1:3" x14ac:dyDescent="0.25">
      <c r="A48" s="12" t="s">
        <v>2792</v>
      </c>
      <c r="B48" s="16">
        <v>44399</v>
      </c>
      <c r="C48" s="14"/>
    </row>
    <row r="49" spans="1:3" ht="45" x14ac:dyDescent="0.25">
      <c r="A49" s="12" t="s">
        <v>2510</v>
      </c>
      <c r="B49" s="15" t="s">
        <v>2511</v>
      </c>
      <c r="C49" s="14"/>
    </row>
    <row r="50" spans="1:3" x14ac:dyDescent="0.25">
      <c r="A50" s="17" t="s">
        <v>528</v>
      </c>
      <c r="B50" s="15">
        <v>40168</v>
      </c>
      <c r="C50" s="18"/>
    </row>
    <row r="51" spans="1:3" x14ac:dyDescent="0.25">
      <c r="A51" s="17" t="s">
        <v>859</v>
      </c>
      <c r="B51" s="15">
        <v>40701</v>
      </c>
      <c r="C51" s="18"/>
    </row>
    <row r="52" spans="1:3" ht="30" x14ac:dyDescent="0.25">
      <c r="A52" s="17" t="s">
        <v>1456</v>
      </c>
      <c r="B52" s="15">
        <v>41877</v>
      </c>
      <c r="C52" s="18"/>
    </row>
    <row r="53" spans="1:3" x14ac:dyDescent="0.25">
      <c r="A53" s="17" t="s">
        <v>1604</v>
      </c>
      <c r="B53" s="15">
        <v>42138</v>
      </c>
      <c r="C53" s="18"/>
    </row>
    <row r="54" spans="1:3" x14ac:dyDescent="0.25">
      <c r="A54" s="17" t="s">
        <v>1920</v>
      </c>
      <c r="B54" s="15">
        <v>42660</v>
      </c>
      <c r="C54" s="18"/>
    </row>
    <row r="55" spans="1:3" x14ac:dyDescent="0.25">
      <c r="A55" s="12" t="s">
        <v>2091</v>
      </c>
      <c r="B55" s="15">
        <v>42861</v>
      </c>
      <c r="C55" s="14"/>
    </row>
    <row r="56" spans="1:3" x14ac:dyDescent="0.25">
      <c r="A56" s="17" t="s">
        <v>193</v>
      </c>
      <c r="B56" s="15">
        <v>39836</v>
      </c>
      <c r="C56" s="18"/>
    </row>
    <row r="57" spans="1:3" x14ac:dyDescent="0.25">
      <c r="A57" s="12" t="s">
        <v>2688</v>
      </c>
      <c r="B57" s="16">
        <v>44078</v>
      </c>
      <c r="C57" s="14"/>
    </row>
    <row r="58" spans="1:3" x14ac:dyDescent="0.25">
      <c r="A58" s="12" t="s">
        <v>3127</v>
      </c>
      <c r="B58" s="16">
        <v>45243</v>
      </c>
      <c r="C58" s="14"/>
    </row>
    <row r="59" spans="1:3" ht="45" x14ac:dyDescent="0.25">
      <c r="A59" s="12" t="s">
        <v>1952</v>
      </c>
      <c r="B59" s="15" t="s">
        <v>1953</v>
      </c>
      <c r="C59" s="14"/>
    </row>
    <row r="60" spans="1:3" x14ac:dyDescent="0.25">
      <c r="A60" s="17" t="s">
        <v>648</v>
      </c>
      <c r="B60" s="15">
        <v>40345</v>
      </c>
      <c r="C60" s="18"/>
    </row>
    <row r="61" spans="1:3" x14ac:dyDescent="0.25">
      <c r="A61" s="17" t="s">
        <v>571</v>
      </c>
      <c r="B61" s="15" t="s">
        <v>572</v>
      </c>
      <c r="C61" s="18"/>
    </row>
    <row r="62" spans="1:3" x14ac:dyDescent="0.25">
      <c r="A62" s="12" t="s">
        <v>2733</v>
      </c>
      <c r="B62" s="16">
        <v>44251</v>
      </c>
      <c r="C62" s="14"/>
    </row>
    <row r="63" spans="1:3" x14ac:dyDescent="0.25">
      <c r="A63" s="17" t="s">
        <v>1764</v>
      </c>
      <c r="B63" s="15">
        <v>42438</v>
      </c>
      <c r="C63" s="18"/>
    </row>
    <row r="64" spans="1:3" x14ac:dyDescent="0.25">
      <c r="A64" s="12" t="s">
        <v>2997</v>
      </c>
      <c r="B64" s="24" t="s">
        <v>2998</v>
      </c>
      <c r="C64" s="14"/>
    </row>
    <row r="65" spans="1:3" x14ac:dyDescent="0.25">
      <c r="A65" s="12" t="s">
        <v>2136</v>
      </c>
      <c r="B65" s="15">
        <v>42926</v>
      </c>
      <c r="C65" s="14"/>
    </row>
    <row r="66" spans="1:3" x14ac:dyDescent="0.25">
      <c r="A66" s="17" t="s">
        <v>292</v>
      </c>
      <c r="B66" s="15">
        <v>39910</v>
      </c>
      <c r="C66" s="18"/>
    </row>
    <row r="67" spans="1:3" x14ac:dyDescent="0.25">
      <c r="A67" s="17" t="s">
        <v>242</v>
      </c>
      <c r="B67" s="15" t="s">
        <v>243</v>
      </c>
      <c r="C67" s="18"/>
    </row>
    <row r="68" spans="1:3" ht="30" x14ac:dyDescent="0.25">
      <c r="A68" s="17" t="s">
        <v>1210</v>
      </c>
      <c r="B68" s="15">
        <v>41417</v>
      </c>
      <c r="C68" s="18"/>
    </row>
    <row r="69" spans="1:3" x14ac:dyDescent="0.25">
      <c r="A69" s="17" t="s">
        <v>551</v>
      </c>
      <c r="B69" s="15">
        <v>40213</v>
      </c>
      <c r="C69" s="18"/>
    </row>
    <row r="70" spans="1:3" x14ac:dyDescent="0.25">
      <c r="A70" s="17" t="s">
        <v>1694</v>
      </c>
      <c r="B70" s="15">
        <v>42303</v>
      </c>
      <c r="C70" s="18"/>
    </row>
    <row r="71" spans="1:3" x14ac:dyDescent="0.25">
      <c r="A71" s="17" t="s">
        <v>1657</v>
      </c>
      <c r="B71" s="15">
        <v>42233</v>
      </c>
      <c r="C71" s="18"/>
    </row>
    <row r="72" spans="1:3" x14ac:dyDescent="0.25">
      <c r="A72" s="12" t="s">
        <v>2865</v>
      </c>
      <c r="B72" s="24" t="s">
        <v>2866</v>
      </c>
      <c r="C72" s="14"/>
    </row>
    <row r="73" spans="1:3" x14ac:dyDescent="0.25">
      <c r="A73" s="12" t="s">
        <v>2707</v>
      </c>
      <c r="B73" s="16">
        <v>44154</v>
      </c>
      <c r="C73" s="14"/>
    </row>
    <row r="74" spans="1:3" x14ac:dyDescent="0.25">
      <c r="A74" s="12" t="s">
        <v>2318</v>
      </c>
      <c r="B74" s="15">
        <v>43194</v>
      </c>
      <c r="C74" s="14"/>
    </row>
    <row r="75" spans="1:3" x14ac:dyDescent="0.25">
      <c r="A75" s="12" t="s">
        <v>3171</v>
      </c>
      <c r="B75" s="16">
        <v>45422</v>
      </c>
      <c r="C75" s="14"/>
    </row>
    <row r="76" spans="1:3" x14ac:dyDescent="0.25">
      <c r="A76" s="12" t="s">
        <v>2379</v>
      </c>
      <c r="B76" s="15">
        <v>43306</v>
      </c>
      <c r="C76" s="14"/>
    </row>
    <row r="77" spans="1:3" x14ac:dyDescent="0.25">
      <c r="A77" s="12" t="s">
        <v>2716</v>
      </c>
      <c r="B77" s="16">
        <v>44189</v>
      </c>
      <c r="C77" s="14"/>
    </row>
    <row r="78" spans="1:3" x14ac:dyDescent="0.25">
      <c r="A78" s="12" t="s">
        <v>2512</v>
      </c>
      <c r="B78" s="15">
        <v>43584</v>
      </c>
      <c r="C78" s="14"/>
    </row>
    <row r="79" spans="1:3" x14ac:dyDescent="0.25">
      <c r="A79" s="20" t="s">
        <v>3204</v>
      </c>
      <c r="B79" s="21">
        <v>45526</v>
      </c>
      <c r="C79" s="22"/>
    </row>
    <row r="80" spans="1:3" x14ac:dyDescent="0.25">
      <c r="A80" s="17" t="s">
        <v>810</v>
      </c>
      <c r="B80" s="15">
        <v>40602</v>
      </c>
      <c r="C80" s="18"/>
    </row>
    <row r="81" spans="1:3" x14ac:dyDescent="0.25">
      <c r="A81" s="17" t="s">
        <v>97</v>
      </c>
      <c r="B81" s="15">
        <v>39625</v>
      </c>
      <c r="C81" s="18"/>
    </row>
    <row r="82" spans="1:3" x14ac:dyDescent="0.25">
      <c r="A82" s="12" t="s">
        <v>2603</v>
      </c>
      <c r="B82" s="15">
        <v>43762</v>
      </c>
      <c r="C82" s="14"/>
    </row>
    <row r="83" spans="1:3" ht="60" x14ac:dyDescent="0.25">
      <c r="A83" s="17" t="s">
        <v>1445</v>
      </c>
      <c r="B83" s="15" t="s">
        <v>1446</v>
      </c>
      <c r="C83" s="18"/>
    </row>
    <row r="84" spans="1:3" x14ac:dyDescent="0.25">
      <c r="A84" s="17" t="s">
        <v>466</v>
      </c>
      <c r="B84" s="15">
        <v>40081</v>
      </c>
      <c r="C84" s="18"/>
    </row>
    <row r="85" spans="1:3" x14ac:dyDescent="0.25">
      <c r="A85" s="17" t="s">
        <v>1137</v>
      </c>
      <c r="B85" s="15">
        <v>41214</v>
      </c>
      <c r="C85" s="18"/>
    </row>
    <row r="86" spans="1:3" x14ac:dyDescent="0.25">
      <c r="A86" s="17" t="s">
        <v>722</v>
      </c>
      <c r="B86" s="15">
        <v>40451</v>
      </c>
      <c r="C86" s="18"/>
    </row>
    <row r="87" spans="1:3" ht="30" x14ac:dyDescent="0.25">
      <c r="A87" s="17" t="s">
        <v>1859</v>
      </c>
      <c r="B87" s="15" t="s">
        <v>1860</v>
      </c>
      <c r="C87" s="18"/>
    </row>
    <row r="88" spans="1:3" x14ac:dyDescent="0.25">
      <c r="A88" s="12" t="s">
        <v>2639</v>
      </c>
      <c r="B88" s="15">
        <v>43895</v>
      </c>
      <c r="C88" s="14"/>
    </row>
    <row r="89" spans="1:3" x14ac:dyDescent="0.25">
      <c r="A89" s="12" t="s">
        <v>2399</v>
      </c>
      <c r="B89" s="15">
        <v>43341</v>
      </c>
      <c r="C89" s="14"/>
    </row>
    <row r="90" spans="1:3" x14ac:dyDescent="0.25">
      <c r="A90" s="17" t="s">
        <v>853</v>
      </c>
      <c r="B90" s="15">
        <v>40690</v>
      </c>
      <c r="C90" s="18"/>
    </row>
    <row r="91" spans="1:3" ht="45" x14ac:dyDescent="0.25">
      <c r="A91" s="17" t="s">
        <v>1429</v>
      </c>
      <c r="B91" s="15" t="s">
        <v>1430</v>
      </c>
      <c r="C91" s="18"/>
    </row>
    <row r="92" spans="1:3" x14ac:dyDescent="0.25">
      <c r="A92" s="17" t="s">
        <v>343</v>
      </c>
      <c r="B92" s="15">
        <v>39955</v>
      </c>
      <c r="C92" s="18"/>
    </row>
    <row r="93" spans="1:3" ht="30" x14ac:dyDescent="0.25">
      <c r="A93" s="17" t="s">
        <v>1475</v>
      </c>
      <c r="B93" s="15" t="s">
        <v>1476</v>
      </c>
      <c r="C93" s="18"/>
    </row>
    <row r="94" spans="1:3" x14ac:dyDescent="0.25">
      <c r="A94" s="17" t="s">
        <v>1041</v>
      </c>
      <c r="B94" s="15">
        <v>41067</v>
      </c>
      <c r="C94" s="18"/>
    </row>
    <row r="95" spans="1:3" x14ac:dyDescent="0.25">
      <c r="A95" s="17" t="s">
        <v>878</v>
      </c>
      <c r="B95" s="15">
        <v>40745</v>
      </c>
      <c r="C95" s="18"/>
    </row>
    <row r="96" spans="1:3" x14ac:dyDescent="0.25">
      <c r="A96" s="17" t="s">
        <v>896</v>
      </c>
      <c r="B96" s="15">
        <v>40794</v>
      </c>
      <c r="C96" s="18"/>
    </row>
    <row r="97" spans="1:3" x14ac:dyDescent="0.25">
      <c r="A97" s="12" t="s">
        <v>2895</v>
      </c>
      <c r="B97" s="24" t="s">
        <v>2896</v>
      </c>
      <c r="C97" s="14"/>
    </row>
    <row r="98" spans="1:3" x14ac:dyDescent="0.25">
      <c r="A98" s="17" t="s">
        <v>238</v>
      </c>
      <c r="B98" s="15">
        <v>39875</v>
      </c>
      <c r="C98" s="18"/>
    </row>
    <row r="99" spans="1:3" ht="30" x14ac:dyDescent="0.25">
      <c r="A99" s="17" t="s">
        <v>924</v>
      </c>
      <c r="B99" s="15">
        <v>40842</v>
      </c>
      <c r="C99" s="18"/>
    </row>
    <row r="100" spans="1:3" x14ac:dyDescent="0.25">
      <c r="A100" s="20" t="s">
        <v>3223</v>
      </c>
      <c r="B100" s="21">
        <v>45665</v>
      </c>
      <c r="C100" s="22"/>
    </row>
    <row r="101" spans="1:3" ht="30" x14ac:dyDescent="0.25">
      <c r="A101" s="12" t="s">
        <v>3168</v>
      </c>
      <c r="B101" s="25" t="s">
        <v>3169</v>
      </c>
      <c r="C101" s="14"/>
    </row>
    <row r="102" spans="1:3" ht="45" x14ac:dyDescent="0.25">
      <c r="A102" s="12" t="s">
        <v>2262</v>
      </c>
      <c r="B102" s="15" t="s">
        <v>2263</v>
      </c>
      <c r="C102" s="14"/>
    </row>
    <row r="103" spans="1:3" ht="45" x14ac:dyDescent="0.25">
      <c r="A103" s="17" t="s">
        <v>782</v>
      </c>
      <c r="B103" s="15" t="s">
        <v>783</v>
      </c>
      <c r="C103" s="18"/>
    </row>
    <row r="104" spans="1:3" ht="60" x14ac:dyDescent="0.25">
      <c r="A104" s="17" t="s">
        <v>1862</v>
      </c>
      <c r="B104" s="15" t="s">
        <v>1863</v>
      </c>
      <c r="C104" s="18"/>
    </row>
    <row r="105" spans="1:3" x14ac:dyDescent="0.25">
      <c r="A105" s="12" t="s">
        <v>2099</v>
      </c>
      <c r="B105" s="15">
        <v>42873</v>
      </c>
      <c r="C105" s="14"/>
    </row>
    <row r="106" spans="1:3" x14ac:dyDescent="0.25">
      <c r="A106" s="12" t="s">
        <v>2349</v>
      </c>
      <c r="B106" s="15">
        <v>43244</v>
      </c>
      <c r="C106" s="14"/>
    </row>
    <row r="107" spans="1:3" x14ac:dyDescent="0.25">
      <c r="A107" s="17" t="s">
        <v>1149</v>
      </c>
      <c r="B107" s="15">
        <v>41234</v>
      </c>
      <c r="C107" s="18"/>
    </row>
    <row r="108" spans="1:3" x14ac:dyDescent="0.25">
      <c r="A108" s="17" t="s">
        <v>1787</v>
      </c>
      <c r="B108" s="15">
        <v>42465</v>
      </c>
      <c r="C108" s="18"/>
    </row>
    <row r="109" spans="1:3" x14ac:dyDescent="0.25">
      <c r="A109" s="17" t="s">
        <v>1746</v>
      </c>
      <c r="B109" s="15">
        <v>42389</v>
      </c>
      <c r="C109" s="18"/>
    </row>
    <row r="110" spans="1:3" x14ac:dyDescent="0.25">
      <c r="A110" s="17" t="s">
        <v>1866</v>
      </c>
      <c r="B110" s="15">
        <v>42572</v>
      </c>
      <c r="C110" s="18"/>
    </row>
    <row r="111" spans="1:3" x14ac:dyDescent="0.25">
      <c r="A111" s="17" t="s">
        <v>1011</v>
      </c>
      <c r="B111" s="15">
        <v>40977</v>
      </c>
      <c r="C111" s="18"/>
    </row>
    <row r="112" spans="1:3" ht="30" x14ac:dyDescent="0.25">
      <c r="A112" s="17" t="s">
        <v>330</v>
      </c>
      <c r="B112" s="15" t="s">
        <v>331</v>
      </c>
      <c r="C112" s="18"/>
    </row>
    <row r="113" spans="1:3" x14ac:dyDescent="0.25">
      <c r="A113" s="17" t="s">
        <v>268</v>
      </c>
      <c r="B113" s="15">
        <v>39889</v>
      </c>
      <c r="C113" s="18"/>
    </row>
    <row r="114" spans="1:3" x14ac:dyDescent="0.25">
      <c r="A114" s="12" t="s">
        <v>2618</v>
      </c>
      <c r="B114" s="15">
        <v>43802</v>
      </c>
      <c r="C114" s="14"/>
    </row>
    <row r="115" spans="1:3" x14ac:dyDescent="0.25">
      <c r="A115" s="12" t="s">
        <v>2482</v>
      </c>
      <c r="B115" s="15">
        <v>43509</v>
      </c>
      <c r="C115" s="14"/>
    </row>
    <row r="116" spans="1:3" x14ac:dyDescent="0.25">
      <c r="A116" s="12" t="s">
        <v>3165</v>
      </c>
      <c r="B116" s="26" t="s">
        <v>3166</v>
      </c>
      <c r="C116" s="14"/>
    </row>
    <row r="117" spans="1:3" x14ac:dyDescent="0.25">
      <c r="A117" s="17" t="s">
        <v>273</v>
      </c>
      <c r="B117" s="15">
        <v>39897</v>
      </c>
      <c r="C117" s="18"/>
    </row>
    <row r="118" spans="1:3" ht="60" x14ac:dyDescent="0.25">
      <c r="A118" s="17" t="s">
        <v>377</v>
      </c>
      <c r="B118" s="15" t="s">
        <v>378</v>
      </c>
      <c r="C118" s="27">
        <v>39975</v>
      </c>
    </row>
    <row r="119" spans="1:3" ht="60" x14ac:dyDescent="0.25">
      <c r="A119" s="17" t="s">
        <v>377</v>
      </c>
      <c r="B119" s="15" t="s">
        <v>378</v>
      </c>
      <c r="C119" s="27">
        <v>41542</v>
      </c>
    </row>
    <row r="120" spans="1:3" ht="60" x14ac:dyDescent="0.25">
      <c r="A120" s="17" t="s">
        <v>377</v>
      </c>
      <c r="B120" s="15" t="s">
        <v>378</v>
      </c>
      <c r="C120" s="27">
        <v>43355</v>
      </c>
    </row>
    <row r="121" spans="1:3" ht="60" x14ac:dyDescent="0.25">
      <c r="A121" s="17" t="s">
        <v>377</v>
      </c>
      <c r="B121" s="15" t="s">
        <v>378</v>
      </c>
      <c r="C121" s="27">
        <v>44377</v>
      </c>
    </row>
    <row r="122" spans="1:3" ht="60" x14ac:dyDescent="0.25">
      <c r="A122" s="17" t="s">
        <v>377</v>
      </c>
      <c r="B122" s="15" t="s">
        <v>378</v>
      </c>
      <c r="C122" s="27">
        <v>44704</v>
      </c>
    </row>
    <row r="123" spans="1:3" ht="150" x14ac:dyDescent="0.25">
      <c r="A123" s="17" t="s">
        <v>379</v>
      </c>
      <c r="B123" s="15" t="s">
        <v>380</v>
      </c>
      <c r="C123" s="27">
        <v>39975</v>
      </c>
    </row>
    <row r="124" spans="1:3" ht="150" x14ac:dyDescent="0.25">
      <c r="A124" s="17" t="s">
        <v>379</v>
      </c>
      <c r="B124" s="15" t="s">
        <v>380</v>
      </c>
      <c r="C124" s="27">
        <v>41542</v>
      </c>
    </row>
    <row r="125" spans="1:3" ht="150" x14ac:dyDescent="0.25">
      <c r="A125" s="17" t="s">
        <v>379</v>
      </c>
      <c r="B125" s="15" t="s">
        <v>380</v>
      </c>
      <c r="C125" s="27">
        <v>43355</v>
      </c>
    </row>
    <row r="126" spans="1:3" ht="150" x14ac:dyDescent="0.25">
      <c r="A126" s="17" t="s">
        <v>379</v>
      </c>
      <c r="B126" s="15" t="s">
        <v>380</v>
      </c>
      <c r="C126" s="27">
        <v>44377</v>
      </c>
    </row>
    <row r="127" spans="1:3" ht="150" x14ac:dyDescent="0.25">
      <c r="A127" s="17" t="s">
        <v>379</v>
      </c>
      <c r="B127" s="15" t="s">
        <v>380</v>
      </c>
      <c r="C127" s="27">
        <v>44704</v>
      </c>
    </row>
    <row r="128" spans="1:3" x14ac:dyDescent="0.25">
      <c r="A128" s="17" t="s">
        <v>1420</v>
      </c>
      <c r="B128" s="15">
        <v>41807</v>
      </c>
      <c r="C128" s="18"/>
    </row>
    <row r="129" spans="1:3" ht="30" x14ac:dyDescent="0.25">
      <c r="A129" s="17" t="s">
        <v>945</v>
      </c>
      <c r="B129" s="15" t="s">
        <v>946</v>
      </c>
      <c r="C129" s="18"/>
    </row>
    <row r="130" spans="1:3" x14ac:dyDescent="0.25">
      <c r="A130" s="12" t="s">
        <v>3176</v>
      </c>
      <c r="B130" s="16">
        <v>45436</v>
      </c>
      <c r="C130" s="14"/>
    </row>
    <row r="131" spans="1:3" x14ac:dyDescent="0.25">
      <c r="A131" s="17" t="s">
        <v>1397</v>
      </c>
      <c r="B131" s="15">
        <v>41768</v>
      </c>
      <c r="C131" s="18"/>
    </row>
    <row r="132" spans="1:3" x14ac:dyDescent="0.25">
      <c r="A132" s="12" t="s">
        <v>2291</v>
      </c>
      <c r="B132" s="15">
        <v>43133</v>
      </c>
      <c r="C132" s="14"/>
    </row>
    <row r="133" spans="1:3" x14ac:dyDescent="0.25">
      <c r="A133" s="12" t="s">
        <v>2734</v>
      </c>
      <c r="B133" s="16">
        <v>44252</v>
      </c>
      <c r="C133" s="14"/>
    </row>
    <row r="134" spans="1:3" x14ac:dyDescent="0.25">
      <c r="A134" s="17" t="s">
        <v>765</v>
      </c>
      <c r="B134" s="15">
        <v>40528</v>
      </c>
      <c r="C134" s="18"/>
    </row>
    <row r="135" spans="1:3" x14ac:dyDescent="0.25">
      <c r="A135" s="17" t="s">
        <v>636</v>
      </c>
      <c r="B135" s="15">
        <v>40319</v>
      </c>
      <c r="C135" s="18"/>
    </row>
    <row r="136" spans="1:3" x14ac:dyDescent="0.25">
      <c r="A136" s="20" t="s">
        <v>3228</v>
      </c>
      <c r="B136" s="21">
        <v>45707</v>
      </c>
      <c r="C136" s="22"/>
    </row>
    <row r="137" spans="1:3" ht="45" x14ac:dyDescent="0.25">
      <c r="A137" s="17" t="s">
        <v>1427</v>
      </c>
      <c r="B137" s="15" t="s">
        <v>1428</v>
      </c>
      <c r="C137" s="18"/>
    </row>
    <row r="138" spans="1:3" x14ac:dyDescent="0.25">
      <c r="A138" s="17" t="s">
        <v>165</v>
      </c>
      <c r="B138" s="15">
        <v>39777</v>
      </c>
      <c r="C138" s="18"/>
    </row>
    <row r="139" spans="1:3" x14ac:dyDescent="0.25">
      <c r="A139" s="17" t="s">
        <v>469</v>
      </c>
      <c r="B139" s="15">
        <v>40081</v>
      </c>
      <c r="C139" s="18"/>
    </row>
    <row r="140" spans="1:3" x14ac:dyDescent="0.25">
      <c r="A140" s="12" t="s">
        <v>2475</v>
      </c>
      <c r="B140" s="15">
        <v>43487</v>
      </c>
      <c r="C140" s="14"/>
    </row>
    <row r="141" spans="1:3" x14ac:dyDescent="0.25">
      <c r="A141" s="17" t="s">
        <v>444</v>
      </c>
      <c r="B141" s="15">
        <v>40053</v>
      </c>
      <c r="C141" s="18"/>
    </row>
    <row r="142" spans="1:3" x14ac:dyDescent="0.25">
      <c r="A142" s="17" t="s">
        <v>1845</v>
      </c>
      <c r="B142" s="15">
        <v>42540</v>
      </c>
      <c r="C142" s="18"/>
    </row>
    <row r="143" spans="1:3" x14ac:dyDescent="0.25">
      <c r="A143" s="17" t="s">
        <v>224</v>
      </c>
      <c r="B143" s="15">
        <v>39856</v>
      </c>
      <c r="C143" s="18"/>
    </row>
    <row r="144" spans="1:3" x14ac:dyDescent="0.25">
      <c r="A144" s="17" t="s">
        <v>1484</v>
      </c>
      <c r="B144" s="15">
        <v>41921</v>
      </c>
      <c r="C144" s="18"/>
    </row>
    <row r="145" spans="1:3" x14ac:dyDescent="0.25">
      <c r="A145" s="12" t="s">
        <v>2769</v>
      </c>
      <c r="B145" s="16">
        <v>44331</v>
      </c>
      <c r="C145" s="14"/>
    </row>
    <row r="146" spans="1:3" x14ac:dyDescent="0.25">
      <c r="A146" s="17" t="s">
        <v>877</v>
      </c>
      <c r="B146" s="15">
        <v>40745</v>
      </c>
      <c r="C146" s="18"/>
    </row>
    <row r="147" spans="1:3" ht="30" x14ac:dyDescent="0.25">
      <c r="A147" s="17" t="s">
        <v>1797</v>
      </c>
      <c r="B147" s="15" t="s">
        <v>1798</v>
      </c>
      <c r="C147" s="18"/>
    </row>
    <row r="148" spans="1:3" x14ac:dyDescent="0.25">
      <c r="A148" s="17" t="s">
        <v>505</v>
      </c>
      <c r="B148" s="15">
        <v>40133</v>
      </c>
      <c r="C148" s="18"/>
    </row>
    <row r="149" spans="1:3" x14ac:dyDescent="0.25">
      <c r="A149" s="17" t="s">
        <v>1046</v>
      </c>
      <c r="B149" s="15">
        <v>41073</v>
      </c>
      <c r="C149" s="18"/>
    </row>
    <row r="150" spans="1:3" ht="45" x14ac:dyDescent="0.25">
      <c r="A150" s="17" t="s">
        <v>477</v>
      </c>
      <c r="B150" s="26" t="s">
        <v>478</v>
      </c>
      <c r="C150" s="18"/>
    </row>
    <row r="151" spans="1:3" ht="75" x14ac:dyDescent="0.25">
      <c r="A151" s="17" t="s">
        <v>1173</v>
      </c>
      <c r="B151" s="15" t="s">
        <v>1174</v>
      </c>
      <c r="C151" s="18"/>
    </row>
    <row r="152" spans="1:3" ht="45" x14ac:dyDescent="0.25">
      <c r="A152" s="12" t="s">
        <v>2822</v>
      </c>
      <c r="B152" s="25" t="s">
        <v>2823</v>
      </c>
      <c r="C152" s="14"/>
    </row>
    <row r="153" spans="1:3" x14ac:dyDescent="0.25">
      <c r="A153" s="12" t="s">
        <v>2212</v>
      </c>
      <c r="B153" s="15">
        <v>43025</v>
      </c>
      <c r="C153" s="14"/>
    </row>
    <row r="154" spans="1:3" x14ac:dyDescent="0.25">
      <c r="A154" s="17" t="s">
        <v>886</v>
      </c>
      <c r="B154" s="15">
        <v>40756</v>
      </c>
      <c r="C154" s="18"/>
    </row>
    <row r="155" spans="1:3" ht="30" x14ac:dyDescent="0.25">
      <c r="A155" s="12" t="s">
        <v>2078</v>
      </c>
      <c r="B155" s="15" t="s">
        <v>2079</v>
      </c>
      <c r="C155" s="14"/>
    </row>
    <row r="156" spans="1:3" ht="45" x14ac:dyDescent="0.25">
      <c r="A156" s="17" t="s">
        <v>1181</v>
      </c>
      <c r="B156" s="15" t="s">
        <v>1182</v>
      </c>
      <c r="C156" s="18"/>
    </row>
    <row r="157" spans="1:3" x14ac:dyDescent="0.25">
      <c r="A157" s="17" t="s">
        <v>100</v>
      </c>
      <c r="B157" s="15">
        <v>39630</v>
      </c>
      <c r="C157" s="18"/>
    </row>
    <row r="158" spans="1:3" x14ac:dyDescent="0.25">
      <c r="A158" s="17" t="s">
        <v>578</v>
      </c>
      <c r="B158" s="15">
        <v>40245</v>
      </c>
      <c r="C158" s="18"/>
    </row>
    <row r="159" spans="1:3" x14ac:dyDescent="0.25">
      <c r="A159" s="17" t="s">
        <v>534</v>
      </c>
      <c r="B159" s="15">
        <v>40186</v>
      </c>
      <c r="C159" s="18"/>
    </row>
    <row r="160" spans="1:3" ht="30" x14ac:dyDescent="0.25">
      <c r="A160" s="23" t="s">
        <v>3183</v>
      </c>
      <c r="B160" s="13" t="s">
        <v>3184</v>
      </c>
      <c r="C160" s="14"/>
    </row>
    <row r="161" spans="1:3" ht="45" x14ac:dyDescent="0.25">
      <c r="A161" s="17" t="s">
        <v>1062</v>
      </c>
      <c r="B161" s="15" t="s">
        <v>1063</v>
      </c>
      <c r="C161" s="18"/>
    </row>
    <row r="162" spans="1:3" x14ac:dyDescent="0.25">
      <c r="A162" s="20" t="s">
        <v>3222</v>
      </c>
      <c r="B162" s="21">
        <v>45659</v>
      </c>
      <c r="C162" s="22"/>
    </row>
    <row r="163" spans="1:3" ht="30" x14ac:dyDescent="0.25">
      <c r="A163" s="17" t="s">
        <v>1584</v>
      </c>
      <c r="B163" s="15" t="s">
        <v>1585</v>
      </c>
      <c r="C163" s="18"/>
    </row>
    <row r="164" spans="1:3" ht="30" x14ac:dyDescent="0.25">
      <c r="A164" s="12" t="s">
        <v>2006</v>
      </c>
      <c r="B164" s="15" t="s">
        <v>2007</v>
      </c>
      <c r="C164" s="14"/>
    </row>
    <row r="165" spans="1:3" x14ac:dyDescent="0.25">
      <c r="A165" s="17" t="s">
        <v>829</v>
      </c>
      <c r="B165" s="15">
        <v>40638</v>
      </c>
      <c r="C165" s="18"/>
    </row>
    <row r="166" spans="1:3" x14ac:dyDescent="0.25">
      <c r="A166" s="12" t="s">
        <v>2925</v>
      </c>
      <c r="B166" s="24" t="s">
        <v>2926</v>
      </c>
      <c r="C166" s="14"/>
    </row>
    <row r="167" spans="1:3" x14ac:dyDescent="0.25">
      <c r="A167" s="17" t="s">
        <v>675</v>
      </c>
      <c r="B167" s="15">
        <v>40375</v>
      </c>
      <c r="C167" s="18"/>
    </row>
    <row r="168" spans="1:3" x14ac:dyDescent="0.25">
      <c r="A168" s="17" t="s">
        <v>321</v>
      </c>
      <c r="B168" s="15">
        <v>39937</v>
      </c>
      <c r="C168" s="18"/>
    </row>
    <row r="169" spans="1:3" x14ac:dyDescent="0.25">
      <c r="A169" s="17" t="s">
        <v>428</v>
      </c>
      <c r="B169" s="15">
        <v>40035</v>
      </c>
      <c r="C169" s="18"/>
    </row>
    <row r="170" spans="1:3" x14ac:dyDescent="0.25">
      <c r="A170" s="12" t="s">
        <v>2362</v>
      </c>
      <c r="B170" s="15">
        <v>43278</v>
      </c>
      <c r="C170" s="14"/>
    </row>
    <row r="171" spans="1:3" ht="45" x14ac:dyDescent="0.25">
      <c r="A171" s="17" t="s">
        <v>1235</v>
      </c>
      <c r="B171" s="15" t="s">
        <v>1236</v>
      </c>
      <c r="C171" s="18"/>
    </row>
    <row r="172" spans="1:3" x14ac:dyDescent="0.25">
      <c r="A172" s="12" t="s">
        <v>2090</v>
      </c>
      <c r="B172" s="15">
        <v>42860</v>
      </c>
      <c r="C172" s="14"/>
    </row>
    <row r="173" spans="1:3" x14ac:dyDescent="0.25">
      <c r="A173" s="17" t="s">
        <v>893</v>
      </c>
      <c r="B173" s="15">
        <v>40780</v>
      </c>
      <c r="C173" s="18"/>
    </row>
    <row r="174" spans="1:3" x14ac:dyDescent="0.25">
      <c r="A174" s="12" t="s">
        <v>2250</v>
      </c>
      <c r="B174" s="15">
        <v>43069</v>
      </c>
      <c r="C174" s="14"/>
    </row>
    <row r="175" spans="1:3" x14ac:dyDescent="0.25">
      <c r="A175" s="12" t="s">
        <v>3199</v>
      </c>
      <c r="B175" s="24" t="s">
        <v>3200</v>
      </c>
      <c r="C175" s="14"/>
    </row>
    <row r="176" spans="1:3" x14ac:dyDescent="0.25">
      <c r="A176" s="12" t="s">
        <v>2563</v>
      </c>
      <c r="B176" s="15">
        <v>43656</v>
      </c>
      <c r="C176" s="14"/>
    </row>
    <row r="177" spans="1:3" x14ac:dyDescent="0.25">
      <c r="A177" s="17" t="s">
        <v>875</v>
      </c>
      <c r="B177" s="15">
        <v>40724</v>
      </c>
      <c r="C177" s="18"/>
    </row>
    <row r="178" spans="1:3" x14ac:dyDescent="0.25">
      <c r="A178" s="17" t="s">
        <v>895</v>
      </c>
      <c r="B178" s="15">
        <v>40788</v>
      </c>
      <c r="C178" s="18"/>
    </row>
    <row r="179" spans="1:3" x14ac:dyDescent="0.25">
      <c r="A179" s="17" t="s">
        <v>1284</v>
      </c>
      <c r="B179" s="15">
        <v>41572</v>
      </c>
      <c r="C179" s="18"/>
    </row>
    <row r="180" spans="1:3" x14ac:dyDescent="0.25">
      <c r="A180" s="12" t="s">
        <v>2118</v>
      </c>
      <c r="B180" s="15">
        <v>42893</v>
      </c>
      <c r="C180" s="14"/>
    </row>
    <row r="181" spans="1:3" x14ac:dyDescent="0.25">
      <c r="A181" s="17" t="s">
        <v>748</v>
      </c>
      <c r="B181" s="15">
        <v>40484</v>
      </c>
      <c r="C181" s="18"/>
    </row>
    <row r="182" spans="1:3" x14ac:dyDescent="0.25">
      <c r="A182" s="20" t="s">
        <v>3257</v>
      </c>
      <c r="B182" s="21">
        <v>45815</v>
      </c>
      <c r="C182" s="22"/>
    </row>
    <row r="183" spans="1:3" x14ac:dyDescent="0.25">
      <c r="A183" s="17" t="s">
        <v>579</v>
      </c>
      <c r="B183" s="15">
        <v>40249</v>
      </c>
      <c r="C183" s="18"/>
    </row>
    <row r="184" spans="1:3" x14ac:dyDescent="0.25">
      <c r="A184" s="12" t="s">
        <v>2023</v>
      </c>
      <c r="B184" s="15">
        <v>42788</v>
      </c>
      <c r="C184" s="14"/>
    </row>
    <row r="185" spans="1:3" x14ac:dyDescent="0.25">
      <c r="A185" s="17" t="s">
        <v>651</v>
      </c>
      <c r="B185" s="15">
        <v>40346</v>
      </c>
      <c r="C185" s="18"/>
    </row>
    <row r="186" spans="1:3" ht="60" x14ac:dyDescent="0.25">
      <c r="A186" s="12" t="s">
        <v>3020</v>
      </c>
      <c r="B186" s="13" t="s">
        <v>3021</v>
      </c>
      <c r="C186" s="28">
        <v>45940</v>
      </c>
    </row>
    <row r="187" spans="1:3" x14ac:dyDescent="0.25">
      <c r="A187" s="12" t="s">
        <v>2940</v>
      </c>
      <c r="B187" s="16">
        <v>44693</v>
      </c>
      <c r="C187" s="14"/>
    </row>
    <row r="188" spans="1:3" x14ac:dyDescent="0.25">
      <c r="A188" s="17" t="s">
        <v>1402</v>
      </c>
      <c r="B188" s="15">
        <v>41772</v>
      </c>
      <c r="C188" s="18"/>
    </row>
    <row r="189" spans="1:3" x14ac:dyDescent="0.25">
      <c r="A189" s="17" t="s">
        <v>1251</v>
      </c>
      <c r="B189" s="15">
        <v>41500</v>
      </c>
      <c r="C189" s="18"/>
    </row>
    <row r="190" spans="1:3" x14ac:dyDescent="0.25">
      <c r="A190" s="12" t="s">
        <v>2309</v>
      </c>
      <c r="B190" s="15">
        <v>43168</v>
      </c>
      <c r="C190" s="14"/>
    </row>
    <row r="191" spans="1:3" x14ac:dyDescent="0.25">
      <c r="A191" s="17" t="s">
        <v>1649</v>
      </c>
      <c r="B191" s="15">
        <v>42216</v>
      </c>
      <c r="C191" s="18"/>
    </row>
    <row r="192" spans="1:3" x14ac:dyDescent="0.25">
      <c r="A192" s="29" t="s">
        <v>3086</v>
      </c>
      <c r="B192" s="30">
        <v>45096</v>
      </c>
      <c r="C192" s="14"/>
    </row>
    <row r="193" spans="1:3" x14ac:dyDescent="0.25">
      <c r="A193" s="17" t="s">
        <v>1879</v>
      </c>
      <c r="B193" s="15">
        <v>42600</v>
      </c>
      <c r="C193" s="18"/>
    </row>
    <row r="194" spans="1:3" x14ac:dyDescent="0.25">
      <c r="A194" s="12" t="s">
        <v>2835</v>
      </c>
      <c r="B194" s="16">
        <v>44497</v>
      </c>
      <c r="C194" s="14"/>
    </row>
    <row r="195" spans="1:3" ht="30" x14ac:dyDescent="0.25">
      <c r="A195" s="17" t="s">
        <v>1110</v>
      </c>
      <c r="B195" s="15" t="s">
        <v>1111</v>
      </c>
      <c r="C195" s="18"/>
    </row>
    <row r="196" spans="1:3" x14ac:dyDescent="0.25">
      <c r="A196" s="12" t="s">
        <v>2711</v>
      </c>
      <c r="B196" s="16">
        <v>44173</v>
      </c>
      <c r="C196" s="14"/>
    </row>
    <row r="197" spans="1:3" x14ac:dyDescent="0.25">
      <c r="A197" s="12" t="s">
        <v>2883</v>
      </c>
      <c r="B197" s="24" t="s">
        <v>2884</v>
      </c>
      <c r="C197" s="14"/>
    </row>
    <row r="198" spans="1:3" x14ac:dyDescent="0.25">
      <c r="A198" s="17" t="s">
        <v>757</v>
      </c>
      <c r="B198" s="15">
        <v>40494</v>
      </c>
      <c r="C198" s="18"/>
    </row>
    <row r="199" spans="1:3" x14ac:dyDescent="0.25">
      <c r="A199" s="12" t="s">
        <v>2168</v>
      </c>
      <c r="B199" s="15">
        <v>42978</v>
      </c>
      <c r="C199" s="14"/>
    </row>
    <row r="200" spans="1:3" ht="30" x14ac:dyDescent="0.25">
      <c r="A200" s="12" t="s">
        <v>2372</v>
      </c>
      <c r="B200" s="15" t="s">
        <v>2373</v>
      </c>
      <c r="C200" s="14"/>
    </row>
    <row r="201" spans="1:3" x14ac:dyDescent="0.25">
      <c r="A201" s="17" t="s">
        <v>991</v>
      </c>
      <c r="B201" s="15">
        <v>40947</v>
      </c>
      <c r="C201" s="18"/>
    </row>
    <row r="202" spans="1:3" x14ac:dyDescent="0.25">
      <c r="A202" s="17" t="s">
        <v>1656</v>
      </c>
      <c r="B202" s="15">
        <v>42230</v>
      </c>
      <c r="C202" s="18"/>
    </row>
    <row r="203" spans="1:3" ht="90" x14ac:dyDescent="0.25">
      <c r="A203" s="17" t="s">
        <v>2559</v>
      </c>
      <c r="B203" s="15" t="s">
        <v>2560</v>
      </c>
      <c r="C203" s="14"/>
    </row>
    <row r="204" spans="1:3" x14ac:dyDescent="0.25">
      <c r="A204" s="17" t="s">
        <v>1477</v>
      </c>
      <c r="B204" s="15">
        <v>41908</v>
      </c>
      <c r="C204" s="18"/>
    </row>
    <row r="205" spans="1:3" x14ac:dyDescent="0.25">
      <c r="A205" s="17" t="s">
        <v>1333</v>
      </c>
      <c r="B205" s="15">
        <v>41681</v>
      </c>
      <c r="C205" s="18"/>
    </row>
    <row r="206" spans="1:3" x14ac:dyDescent="0.25">
      <c r="A206" s="17" t="s">
        <v>1618</v>
      </c>
      <c r="B206" s="15">
        <v>42166</v>
      </c>
      <c r="C206" s="18"/>
    </row>
    <row r="207" spans="1:3" x14ac:dyDescent="0.25">
      <c r="A207" s="17" t="s">
        <v>922</v>
      </c>
      <c r="B207" s="15">
        <v>40842</v>
      </c>
      <c r="C207" s="18"/>
    </row>
    <row r="208" spans="1:3" ht="60" x14ac:dyDescent="0.25">
      <c r="A208" s="17" t="s">
        <v>1799</v>
      </c>
      <c r="B208" s="15" t="s">
        <v>1800</v>
      </c>
      <c r="C208" s="18"/>
    </row>
    <row r="209" spans="1:3" ht="90" x14ac:dyDescent="0.25">
      <c r="A209" s="17" t="s">
        <v>1286</v>
      </c>
      <c r="B209" s="15" t="s">
        <v>1287</v>
      </c>
      <c r="C209" s="18"/>
    </row>
    <row r="210" spans="1:3" x14ac:dyDescent="0.25">
      <c r="A210" s="17" t="s">
        <v>820</v>
      </c>
      <c r="B210" s="15">
        <v>40620</v>
      </c>
      <c r="C210" s="18"/>
    </row>
    <row r="211" spans="1:3" x14ac:dyDescent="0.25">
      <c r="A211" s="12" t="s">
        <v>2147</v>
      </c>
      <c r="B211" s="15">
        <v>42943</v>
      </c>
      <c r="C211" s="14"/>
    </row>
    <row r="212" spans="1:3" x14ac:dyDescent="0.25">
      <c r="A212" s="17" t="s">
        <v>346</v>
      </c>
      <c r="B212" s="15">
        <v>39961</v>
      </c>
      <c r="C212" s="18"/>
    </row>
    <row r="213" spans="1:3" x14ac:dyDescent="0.25">
      <c r="A213" s="12" t="s">
        <v>3102</v>
      </c>
      <c r="B213" s="16">
        <v>45148</v>
      </c>
      <c r="C213" s="14"/>
    </row>
    <row r="214" spans="1:3" ht="30" x14ac:dyDescent="0.25">
      <c r="A214" s="17" t="s">
        <v>856</v>
      </c>
      <c r="B214" s="15" t="s">
        <v>857</v>
      </c>
      <c r="C214" s="18"/>
    </row>
    <row r="215" spans="1:3" ht="45" x14ac:dyDescent="0.25">
      <c r="A215" s="12" t="s">
        <v>2976</v>
      </c>
      <c r="B215" s="25" t="s">
        <v>2977</v>
      </c>
      <c r="C215" s="14"/>
    </row>
    <row r="216" spans="1:3" ht="45" x14ac:dyDescent="0.25">
      <c r="A216" s="12" t="s">
        <v>2019</v>
      </c>
      <c r="B216" s="15" t="s">
        <v>2020</v>
      </c>
      <c r="C216" s="14"/>
    </row>
    <row r="217" spans="1:3" ht="45" x14ac:dyDescent="0.25">
      <c r="A217" s="23" t="s">
        <v>2274</v>
      </c>
      <c r="B217" s="15" t="s">
        <v>2275</v>
      </c>
      <c r="C217" s="14"/>
    </row>
    <row r="218" spans="1:3" x14ac:dyDescent="0.25">
      <c r="A218" s="12" t="s">
        <v>2503</v>
      </c>
      <c r="B218" s="15">
        <v>43570</v>
      </c>
      <c r="C218" s="14"/>
    </row>
    <row r="219" spans="1:3" ht="45" x14ac:dyDescent="0.25">
      <c r="A219" s="17" t="s">
        <v>1239</v>
      </c>
      <c r="B219" s="15" t="s">
        <v>1240</v>
      </c>
      <c r="C219" s="18"/>
    </row>
    <row r="220" spans="1:3" ht="75" x14ac:dyDescent="0.25">
      <c r="A220" s="17" t="s">
        <v>183</v>
      </c>
      <c r="B220" s="15" t="s">
        <v>184</v>
      </c>
      <c r="C220" s="18"/>
    </row>
    <row r="221" spans="1:3" x14ac:dyDescent="0.25">
      <c r="A221" s="17" t="s">
        <v>344</v>
      </c>
      <c r="B221" s="15">
        <v>39955</v>
      </c>
      <c r="C221" s="18"/>
    </row>
    <row r="222" spans="1:3" ht="45" x14ac:dyDescent="0.25">
      <c r="A222" s="12" t="s">
        <v>2248</v>
      </c>
      <c r="B222" s="15" t="s">
        <v>2249</v>
      </c>
      <c r="C222" s="14"/>
    </row>
    <row r="223" spans="1:3" x14ac:dyDescent="0.25">
      <c r="A223" s="17" t="s">
        <v>1668</v>
      </c>
      <c r="B223" s="15">
        <v>42269</v>
      </c>
      <c r="C223" s="18"/>
    </row>
    <row r="224" spans="1:3" x14ac:dyDescent="0.25">
      <c r="A224" s="17" t="s">
        <v>976</v>
      </c>
      <c r="B224" s="15">
        <v>40928</v>
      </c>
      <c r="C224" s="18"/>
    </row>
    <row r="225" spans="1:3" x14ac:dyDescent="0.25">
      <c r="A225" s="17" t="s">
        <v>1710</v>
      </c>
      <c r="B225" s="15">
        <v>42321</v>
      </c>
      <c r="C225" s="18"/>
    </row>
    <row r="226" spans="1:3" x14ac:dyDescent="0.25">
      <c r="A226" s="17" t="s">
        <v>1313</v>
      </c>
      <c r="B226" s="15">
        <v>41653</v>
      </c>
      <c r="C226" s="18"/>
    </row>
    <row r="227" spans="1:3" ht="45" x14ac:dyDescent="0.25">
      <c r="A227" s="12" t="s">
        <v>2304</v>
      </c>
      <c r="B227" s="15" t="s">
        <v>2305</v>
      </c>
      <c r="C227" s="14"/>
    </row>
    <row r="228" spans="1:3" x14ac:dyDescent="0.25">
      <c r="A228" s="12" t="s">
        <v>2856</v>
      </c>
      <c r="B228" s="24" t="s">
        <v>2857</v>
      </c>
      <c r="C228" s="14"/>
    </row>
    <row r="229" spans="1:3" x14ac:dyDescent="0.25">
      <c r="A229" s="17" t="s">
        <v>1730</v>
      </c>
      <c r="B229" s="15">
        <v>42353</v>
      </c>
      <c r="C229" s="18"/>
    </row>
    <row r="230" spans="1:3" x14ac:dyDescent="0.25">
      <c r="A230" s="17" t="s">
        <v>1164</v>
      </c>
      <c r="B230" s="15">
        <v>41278</v>
      </c>
      <c r="C230" s="18"/>
    </row>
    <row r="231" spans="1:3" ht="75" x14ac:dyDescent="0.25">
      <c r="A231" s="17" t="s">
        <v>155</v>
      </c>
      <c r="B231" s="15" t="s">
        <v>156</v>
      </c>
      <c r="C231" s="18"/>
    </row>
    <row r="232" spans="1:3" x14ac:dyDescent="0.25">
      <c r="A232" s="12" t="s">
        <v>2743</v>
      </c>
      <c r="B232" s="16">
        <v>44271</v>
      </c>
      <c r="C232" s="14"/>
    </row>
    <row r="233" spans="1:3" x14ac:dyDescent="0.25">
      <c r="A233" s="17" t="s">
        <v>671</v>
      </c>
      <c r="B233" s="15">
        <v>40372</v>
      </c>
      <c r="C233" s="18"/>
    </row>
    <row r="234" spans="1:3" ht="45" x14ac:dyDescent="0.25">
      <c r="A234" s="17" t="s">
        <v>1354</v>
      </c>
      <c r="B234" s="15" t="s">
        <v>1355</v>
      </c>
      <c r="C234" s="18"/>
    </row>
    <row r="235" spans="1:3" ht="45" x14ac:dyDescent="0.25">
      <c r="A235" s="12" t="s">
        <v>2708</v>
      </c>
      <c r="B235" s="13" t="s">
        <v>2709</v>
      </c>
      <c r="C235" s="14"/>
    </row>
    <row r="236" spans="1:3" x14ac:dyDescent="0.25">
      <c r="A236" s="12" t="s">
        <v>3125</v>
      </c>
      <c r="B236" s="16">
        <v>45232</v>
      </c>
      <c r="C236" s="14"/>
    </row>
    <row r="237" spans="1:3" ht="45" x14ac:dyDescent="0.25">
      <c r="A237" s="12" t="s">
        <v>2417</v>
      </c>
      <c r="B237" s="15" t="s">
        <v>2418</v>
      </c>
      <c r="C237" s="14"/>
    </row>
    <row r="238" spans="1:3" x14ac:dyDescent="0.25">
      <c r="A238" s="20" t="s">
        <v>3276</v>
      </c>
      <c r="B238" s="21">
        <v>45929</v>
      </c>
      <c r="C238" s="22"/>
    </row>
    <row r="239" spans="1:3" x14ac:dyDescent="0.25">
      <c r="A239" s="17" t="s">
        <v>558</v>
      </c>
      <c r="B239" s="15">
        <v>40228</v>
      </c>
      <c r="C239" s="18"/>
    </row>
    <row r="240" spans="1:3" ht="45" x14ac:dyDescent="0.25">
      <c r="A240" s="12" t="s">
        <v>1991</v>
      </c>
      <c r="B240" s="15" t="s">
        <v>1992</v>
      </c>
      <c r="C240" s="14"/>
    </row>
    <row r="241" spans="1:3" ht="60" x14ac:dyDescent="0.25">
      <c r="A241" s="12" t="s">
        <v>2569</v>
      </c>
      <c r="B241" s="15" t="s">
        <v>2570</v>
      </c>
      <c r="C241" s="14"/>
    </row>
    <row r="242" spans="1:3" x14ac:dyDescent="0.25">
      <c r="A242" s="20" t="s">
        <v>3283</v>
      </c>
      <c r="B242" s="21">
        <v>45966</v>
      </c>
      <c r="C242" s="22"/>
    </row>
    <row r="243" spans="1:3" x14ac:dyDescent="0.25">
      <c r="A243" s="17" t="s">
        <v>1457</v>
      </c>
      <c r="B243" s="15">
        <v>41879</v>
      </c>
      <c r="C243" s="18"/>
    </row>
    <row r="244" spans="1:3" x14ac:dyDescent="0.25">
      <c r="A244" s="17" t="s">
        <v>1849</v>
      </c>
      <c r="B244" s="15">
        <v>42544</v>
      </c>
      <c r="C244" s="18"/>
    </row>
    <row r="245" spans="1:3" x14ac:dyDescent="0.25">
      <c r="A245" s="17" t="s">
        <v>159</v>
      </c>
      <c r="B245" s="15">
        <v>39772</v>
      </c>
      <c r="C245" s="18"/>
    </row>
    <row r="246" spans="1:3" x14ac:dyDescent="0.25">
      <c r="A246" s="17" t="s">
        <v>1375</v>
      </c>
      <c r="B246" s="15">
        <v>41740</v>
      </c>
      <c r="C246" s="18"/>
    </row>
    <row r="247" spans="1:3" ht="90" x14ac:dyDescent="0.25">
      <c r="A247" s="17" t="s">
        <v>911</v>
      </c>
      <c r="B247" s="15" t="s">
        <v>912</v>
      </c>
      <c r="C247" s="18"/>
    </row>
    <row r="248" spans="1:3" ht="60" x14ac:dyDescent="0.25">
      <c r="A248" s="12" t="s">
        <v>3060</v>
      </c>
      <c r="B248" s="25" t="s">
        <v>3061</v>
      </c>
      <c r="C248" s="14"/>
    </row>
    <row r="249" spans="1:3" x14ac:dyDescent="0.25">
      <c r="A249" s="12" t="s">
        <v>2849</v>
      </c>
      <c r="B249" s="24" t="s">
        <v>2850</v>
      </c>
      <c r="C249" s="14"/>
    </row>
    <row r="250" spans="1:3" x14ac:dyDescent="0.25">
      <c r="A250" s="12" t="s">
        <v>2302</v>
      </c>
      <c r="B250" s="15">
        <v>43154</v>
      </c>
      <c r="C250" s="14"/>
    </row>
    <row r="251" spans="1:3" x14ac:dyDescent="0.25">
      <c r="A251" s="12" t="s">
        <v>2807</v>
      </c>
      <c r="B251" s="16">
        <v>44439</v>
      </c>
      <c r="C251" s="14"/>
    </row>
    <row r="252" spans="1:3" x14ac:dyDescent="0.25">
      <c r="A252" s="12" t="s">
        <v>2656</v>
      </c>
      <c r="B252" s="16">
        <v>43999</v>
      </c>
      <c r="C252" s="14"/>
    </row>
    <row r="253" spans="1:3" x14ac:dyDescent="0.25">
      <c r="A253" s="12" t="s">
        <v>2363</v>
      </c>
      <c r="B253" s="15">
        <v>43279</v>
      </c>
      <c r="C253" s="14"/>
    </row>
    <row r="254" spans="1:3" x14ac:dyDescent="0.25">
      <c r="A254" s="17" t="s">
        <v>529</v>
      </c>
      <c r="B254" s="15">
        <v>40168</v>
      </c>
      <c r="C254" s="18"/>
    </row>
    <row r="255" spans="1:3" x14ac:dyDescent="0.25">
      <c r="A255" s="17" t="s">
        <v>1479</v>
      </c>
      <c r="B255" s="15">
        <v>41912</v>
      </c>
      <c r="C255" s="18"/>
    </row>
    <row r="256" spans="1:3" x14ac:dyDescent="0.25">
      <c r="A256" s="17" t="s">
        <v>1578</v>
      </c>
      <c r="B256" s="15">
        <v>42093</v>
      </c>
      <c r="C256" s="18"/>
    </row>
    <row r="257" spans="1:3" x14ac:dyDescent="0.25">
      <c r="A257" s="12" t="s">
        <v>3201</v>
      </c>
      <c r="B257" s="16">
        <v>45512</v>
      </c>
      <c r="C257" s="14"/>
    </row>
    <row r="258" spans="1:3" ht="30" x14ac:dyDescent="0.25">
      <c r="A258" s="20" t="s">
        <v>3290</v>
      </c>
      <c r="B258" s="21">
        <v>45987</v>
      </c>
      <c r="C258" s="31"/>
    </row>
    <row r="259" spans="1:3" x14ac:dyDescent="0.25">
      <c r="A259" s="17" t="s">
        <v>1525</v>
      </c>
      <c r="B259" s="15">
        <v>41990</v>
      </c>
      <c r="C259" s="18"/>
    </row>
    <row r="260" spans="1:3" ht="60" x14ac:dyDescent="0.25">
      <c r="A260" s="17" t="s">
        <v>694</v>
      </c>
      <c r="B260" s="15" t="s">
        <v>695</v>
      </c>
      <c r="C260" s="32">
        <v>41591</v>
      </c>
    </row>
    <row r="261" spans="1:3" ht="60" x14ac:dyDescent="0.25">
      <c r="A261" s="17" t="s">
        <v>694</v>
      </c>
      <c r="B261" s="15" t="s">
        <v>696</v>
      </c>
      <c r="C261" s="32">
        <v>43088</v>
      </c>
    </row>
    <row r="262" spans="1:3" x14ac:dyDescent="0.25">
      <c r="A262" s="17" t="s">
        <v>420</v>
      </c>
      <c r="B262" s="15">
        <v>40024</v>
      </c>
      <c r="C262" s="18"/>
    </row>
    <row r="263" spans="1:3" ht="45" x14ac:dyDescent="0.25">
      <c r="A263" s="12" t="s">
        <v>2955</v>
      </c>
      <c r="B263" s="25" t="s">
        <v>2956</v>
      </c>
      <c r="C263" s="14"/>
    </row>
    <row r="264" spans="1:3" x14ac:dyDescent="0.25">
      <c r="A264" s="17" t="s">
        <v>218</v>
      </c>
      <c r="B264" s="15">
        <v>39850</v>
      </c>
      <c r="C264" s="18"/>
    </row>
    <row r="265" spans="1:3" ht="45" x14ac:dyDescent="0.25">
      <c r="A265" s="17" t="s">
        <v>617</v>
      </c>
      <c r="B265" s="15" t="s">
        <v>618</v>
      </c>
      <c r="C265" s="18"/>
    </row>
    <row r="266" spans="1:3" ht="45" x14ac:dyDescent="0.25">
      <c r="A266" s="17" t="s">
        <v>446</v>
      </c>
      <c r="B266" s="15" t="s">
        <v>447</v>
      </c>
      <c r="C266" s="18"/>
    </row>
    <row r="267" spans="1:3" x14ac:dyDescent="0.25">
      <c r="A267" s="17" t="s">
        <v>1213</v>
      </c>
      <c r="B267" s="15">
        <v>41429</v>
      </c>
      <c r="C267" s="18"/>
    </row>
    <row r="268" spans="1:3" x14ac:dyDescent="0.25">
      <c r="A268" s="12" t="s">
        <v>2277</v>
      </c>
      <c r="B268" s="15">
        <v>43109</v>
      </c>
      <c r="C268" s="14"/>
    </row>
    <row r="269" spans="1:3" x14ac:dyDescent="0.25">
      <c r="A269" s="20" t="s">
        <v>3284</v>
      </c>
      <c r="B269" s="21">
        <v>45968</v>
      </c>
      <c r="C269" s="22"/>
    </row>
    <row r="270" spans="1:3" x14ac:dyDescent="0.25">
      <c r="A270" s="17" t="s">
        <v>785</v>
      </c>
      <c r="B270" s="15">
        <v>40564</v>
      </c>
      <c r="C270" s="18"/>
    </row>
    <row r="271" spans="1:3" ht="30" x14ac:dyDescent="0.25">
      <c r="A271" s="17" t="s">
        <v>1806</v>
      </c>
      <c r="B271" s="15" t="s">
        <v>1807</v>
      </c>
      <c r="C271" s="18"/>
    </row>
    <row r="272" spans="1:3" ht="45" x14ac:dyDescent="0.25">
      <c r="A272" s="17" t="s">
        <v>1176</v>
      </c>
      <c r="B272" s="15" t="s">
        <v>1177</v>
      </c>
      <c r="C272" s="18"/>
    </row>
    <row r="273" spans="1:3" ht="30" x14ac:dyDescent="0.25">
      <c r="A273" s="17" t="s">
        <v>1602</v>
      </c>
      <c r="B273" s="15" t="s">
        <v>1600</v>
      </c>
      <c r="C273" s="18"/>
    </row>
    <row r="274" spans="1:3" x14ac:dyDescent="0.25">
      <c r="A274" s="17" t="s">
        <v>948</v>
      </c>
      <c r="B274" s="15">
        <v>40893</v>
      </c>
      <c r="C274" s="18"/>
    </row>
    <row r="275" spans="1:3" x14ac:dyDescent="0.25">
      <c r="A275" s="17" t="s">
        <v>788</v>
      </c>
      <c r="B275" s="15">
        <v>40569</v>
      </c>
      <c r="C275" s="18"/>
    </row>
    <row r="276" spans="1:3" x14ac:dyDescent="0.25">
      <c r="A276" s="12" t="s">
        <v>2069</v>
      </c>
      <c r="B276" s="15">
        <v>42832</v>
      </c>
      <c r="C276" s="14"/>
    </row>
    <row r="277" spans="1:3" x14ac:dyDescent="0.25">
      <c r="A277" s="12" t="s">
        <v>3037</v>
      </c>
      <c r="B277" s="16">
        <v>44981</v>
      </c>
      <c r="C277" s="14"/>
    </row>
    <row r="278" spans="1:3" x14ac:dyDescent="0.25">
      <c r="A278" s="17" t="s">
        <v>265</v>
      </c>
      <c r="B278" s="15">
        <v>39889</v>
      </c>
      <c r="C278" s="18"/>
    </row>
    <row r="279" spans="1:3" x14ac:dyDescent="0.25">
      <c r="A279" s="12" t="s">
        <v>2420</v>
      </c>
      <c r="B279" s="15">
        <v>43374</v>
      </c>
      <c r="C279" s="14"/>
    </row>
    <row r="280" spans="1:3" x14ac:dyDescent="0.25">
      <c r="A280" s="17" t="s">
        <v>1138</v>
      </c>
      <c r="B280" s="15">
        <v>41214</v>
      </c>
      <c r="C280" s="18"/>
    </row>
    <row r="281" spans="1:3" x14ac:dyDescent="0.25">
      <c r="A281" s="20" t="s">
        <v>3234</v>
      </c>
      <c r="B281" s="21">
        <v>45729</v>
      </c>
      <c r="C281" s="22"/>
    </row>
    <row r="282" spans="1:3" ht="45" x14ac:dyDescent="0.25">
      <c r="A282" s="12" t="s">
        <v>2170</v>
      </c>
      <c r="B282" s="15" t="s">
        <v>2171</v>
      </c>
      <c r="C282" s="14"/>
    </row>
    <row r="283" spans="1:3" ht="45" x14ac:dyDescent="0.25">
      <c r="A283" s="17" t="s">
        <v>957</v>
      </c>
      <c r="B283" s="15">
        <v>40912</v>
      </c>
      <c r="C283" s="18"/>
    </row>
    <row r="284" spans="1:3" x14ac:dyDescent="0.25">
      <c r="A284" s="17" t="s">
        <v>548</v>
      </c>
      <c r="B284" s="15">
        <v>40207</v>
      </c>
      <c r="C284" s="18"/>
    </row>
    <row r="285" spans="1:3" x14ac:dyDescent="0.25">
      <c r="A285" s="17" t="s">
        <v>821</v>
      </c>
      <c r="B285" s="15">
        <v>40623</v>
      </c>
      <c r="C285" s="18"/>
    </row>
    <row r="286" spans="1:3" ht="45" x14ac:dyDescent="0.25">
      <c r="A286" s="17" t="s">
        <v>1316</v>
      </c>
      <c r="B286" s="15" t="s">
        <v>1317</v>
      </c>
      <c r="C286" s="18"/>
    </row>
    <row r="287" spans="1:3" ht="30" x14ac:dyDescent="0.25">
      <c r="A287" s="12" t="s">
        <v>2113</v>
      </c>
      <c r="B287" s="15" t="s">
        <v>2114</v>
      </c>
      <c r="C287" s="14"/>
    </row>
    <row r="288" spans="1:3" x14ac:dyDescent="0.25">
      <c r="A288" s="12" t="s">
        <v>3047</v>
      </c>
      <c r="B288" s="16">
        <v>45002</v>
      </c>
      <c r="C288" s="14"/>
    </row>
    <row r="289" spans="1:3" x14ac:dyDescent="0.25">
      <c r="A289" s="12" t="s">
        <v>3188</v>
      </c>
      <c r="B289" s="16">
        <v>45481</v>
      </c>
      <c r="C289" s="14"/>
    </row>
    <row r="290" spans="1:3" x14ac:dyDescent="0.25">
      <c r="A290" s="12" t="s">
        <v>2992</v>
      </c>
      <c r="B290" s="24" t="s">
        <v>2993</v>
      </c>
      <c r="C290" s="14"/>
    </row>
    <row r="291" spans="1:3" x14ac:dyDescent="0.25">
      <c r="A291" s="17" t="s">
        <v>539</v>
      </c>
      <c r="B291" s="15">
        <v>40200</v>
      </c>
      <c r="C291" s="18"/>
    </row>
    <row r="292" spans="1:3" x14ac:dyDescent="0.25">
      <c r="A292" s="12" t="s">
        <v>3090</v>
      </c>
      <c r="B292" s="16">
        <v>45105</v>
      </c>
      <c r="C292" s="14"/>
    </row>
    <row r="293" spans="1:3" ht="45" x14ac:dyDescent="0.25">
      <c r="A293" s="17" t="s">
        <v>516</v>
      </c>
      <c r="B293" s="15" t="s">
        <v>517</v>
      </c>
      <c r="C293" s="18"/>
    </row>
    <row r="294" spans="1:3" x14ac:dyDescent="0.25">
      <c r="A294" s="20" t="s">
        <v>3224</v>
      </c>
      <c r="B294" s="21">
        <v>45665</v>
      </c>
      <c r="C294" s="22"/>
    </row>
    <row r="295" spans="1:3" x14ac:dyDescent="0.25">
      <c r="A295" s="17" t="s">
        <v>1685</v>
      </c>
      <c r="B295" s="15">
        <v>42284</v>
      </c>
      <c r="C295" s="18"/>
    </row>
    <row r="296" spans="1:3" x14ac:dyDescent="0.25">
      <c r="A296" s="12" t="s">
        <v>2961</v>
      </c>
      <c r="B296" s="24" t="s">
        <v>2962</v>
      </c>
      <c r="C296" s="14"/>
    </row>
    <row r="297" spans="1:3" x14ac:dyDescent="0.25">
      <c r="A297" s="12" t="s">
        <v>2986</v>
      </c>
      <c r="B297" s="24" t="s">
        <v>2987</v>
      </c>
      <c r="C297" s="14"/>
    </row>
    <row r="298" spans="1:3" ht="45" x14ac:dyDescent="0.25">
      <c r="A298" s="17" t="s">
        <v>51</v>
      </c>
      <c r="B298" s="15" t="s">
        <v>52</v>
      </c>
      <c r="C298" s="18"/>
    </row>
    <row r="299" spans="1:3" ht="30" x14ac:dyDescent="0.25">
      <c r="A299" s="17" t="s">
        <v>541</v>
      </c>
      <c r="B299" s="15" t="s">
        <v>542</v>
      </c>
      <c r="C299" s="18"/>
    </row>
    <row r="300" spans="1:3" ht="45" x14ac:dyDescent="0.25">
      <c r="A300" s="17" t="s">
        <v>248</v>
      </c>
      <c r="B300" s="15" t="s">
        <v>249</v>
      </c>
      <c r="C300" s="18"/>
    </row>
    <row r="301" spans="1:3" x14ac:dyDescent="0.25">
      <c r="A301" s="17" t="s">
        <v>979</v>
      </c>
      <c r="B301" s="15">
        <v>40934</v>
      </c>
      <c r="C301" s="18"/>
    </row>
    <row r="302" spans="1:3" x14ac:dyDescent="0.25">
      <c r="A302" s="17" t="s">
        <v>1144</v>
      </c>
      <c r="B302" s="15">
        <v>41222</v>
      </c>
      <c r="C302" s="18"/>
    </row>
    <row r="303" spans="1:3" x14ac:dyDescent="0.25">
      <c r="A303" s="12" t="s">
        <v>1959</v>
      </c>
      <c r="B303" s="15">
        <v>42710</v>
      </c>
      <c r="C303" s="14"/>
    </row>
    <row r="304" spans="1:3" ht="30" x14ac:dyDescent="0.25">
      <c r="A304" s="12" t="s">
        <v>2571</v>
      </c>
      <c r="B304" s="15" t="s">
        <v>2572</v>
      </c>
      <c r="C304" s="14"/>
    </row>
    <row r="305" spans="1:3" x14ac:dyDescent="0.25">
      <c r="A305" s="17" t="s">
        <v>999</v>
      </c>
      <c r="B305" s="15">
        <v>40961</v>
      </c>
      <c r="C305" s="18"/>
    </row>
    <row r="306" spans="1:3" ht="30" x14ac:dyDescent="0.25">
      <c r="A306" s="17" t="s">
        <v>1398</v>
      </c>
      <c r="B306" s="15" t="s">
        <v>1399</v>
      </c>
      <c r="C306" s="18"/>
    </row>
    <row r="307" spans="1:3" x14ac:dyDescent="0.25">
      <c r="A307" s="12" t="s">
        <v>2933</v>
      </c>
      <c r="B307" s="24" t="s">
        <v>2934</v>
      </c>
      <c r="C307" s="14"/>
    </row>
    <row r="308" spans="1:3" x14ac:dyDescent="0.25">
      <c r="A308" s="12" t="s">
        <v>2659</v>
      </c>
      <c r="B308" s="16">
        <v>44006</v>
      </c>
      <c r="C308" s="14"/>
    </row>
    <row r="309" spans="1:3" x14ac:dyDescent="0.25">
      <c r="A309" s="12" t="s">
        <v>3149</v>
      </c>
      <c r="B309" s="16">
        <v>45330</v>
      </c>
      <c r="C309" s="14"/>
    </row>
    <row r="310" spans="1:3" ht="60" x14ac:dyDescent="0.25">
      <c r="A310" s="17" t="s">
        <v>1322</v>
      </c>
      <c r="B310" s="15" t="s">
        <v>1323</v>
      </c>
      <c r="C310" s="18"/>
    </row>
    <row r="311" spans="1:3" x14ac:dyDescent="0.25">
      <c r="A311" s="20" t="s">
        <v>3226</v>
      </c>
      <c r="B311" s="21">
        <v>45684</v>
      </c>
      <c r="C311" s="22"/>
    </row>
    <row r="312" spans="1:3" x14ac:dyDescent="0.25">
      <c r="A312" s="17" t="s">
        <v>396</v>
      </c>
      <c r="B312" s="15">
        <v>39994</v>
      </c>
      <c r="C312" s="18"/>
    </row>
    <row r="313" spans="1:3" ht="30" x14ac:dyDescent="0.25">
      <c r="A313" s="17" t="s">
        <v>971</v>
      </c>
      <c r="B313" s="15" t="s">
        <v>972</v>
      </c>
      <c r="C313" s="18"/>
    </row>
    <row r="314" spans="1:3" x14ac:dyDescent="0.25">
      <c r="A314" s="12" t="s">
        <v>2052</v>
      </c>
      <c r="B314" s="15">
        <v>42821</v>
      </c>
      <c r="C314" s="14"/>
    </row>
    <row r="315" spans="1:3" x14ac:dyDescent="0.25">
      <c r="A315" s="20" t="s">
        <v>3225</v>
      </c>
      <c r="B315" s="21">
        <v>45673</v>
      </c>
      <c r="C315" s="22"/>
    </row>
    <row r="316" spans="1:3" x14ac:dyDescent="0.25">
      <c r="A316" s="17" t="s">
        <v>1448</v>
      </c>
      <c r="B316" s="15">
        <v>41866</v>
      </c>
      <c r="C316" s="18"/>
    </row>
    <row r="317" spans="1:3" x14ac:dyDescent="0.25">
      <c r="A317" s="17" t="s">
        <v>1878</v>
      </c>
      <c r="B317" s="15">
        <v>42593</v>
      </c>
      <c r="C317" s="18"/>
    </row>
    <row r="318" spans="1:3" x14ac:dyDescent="0.25">
      <c r="A318" s="12" t="s">
        <v>2819</v>
      </c>
      <c r="B318" s="16">
        <v>44468</v>
      </c>
      <c r="C318" s="14"/>
    </row>
    <row r="319" spans="1:3" x14ac:dyDescent="0.25">
      <c r="A319" s="17" t="s">
        <v>247</v>
      </c>
      <c r="B319" s="15">
        <v>39882</v>
      </c>
      <c r="C319" s="18"/>
    </row>
    <row r="320" spans="1:3" x14ac:dyDescent="0.25">
      <c r="A320" s="12" t="s">
        <v>2516</v>
      </c>
      <c r="B320" s="15">
        <v>43588</v>
      </c>
      <c r="C320" s="14"/>
    </row>
    <row r="321" spans="1:3" ht="45" x14ac:dyDescent="0.25">
      <c r="A321" s="17" t="s">
        <v>1072</v>
      </c>
      <c r="B321" s="15" t="s">
        <v>1073</v>
      </c>
      <c r="C321" s="18"/>
    </row>
    <row r="322" spans="1:3" x14ac:dyDescent="0.25">
      <c r="A322" s="17" t="s">
        <v>1704</v>
      </c>
      <c r="B322" s="15">
        <v>42317</v>
      </c>
      <c r="C322" s="18"/>
    </row>
    <row r="323" spans="1:3" ht="30" x14ac:dyDescent="0.25">
      <c r="A323" s="17" t="s">
        <v>1045</v>
      </c>
      <c r="B323" s="15">
        <v>41073</v>
      </c>
      <c r="C323" s="18"/>
    </row>
    <row r="324" spans="1:3" x14ac:dyDescent="0.25">
      <c r="A324" s="12" t="s">
        <v>2923</v>
      </c>
      <c r="B324" s="24" t="s">
        <v>2924</v>
      </c>
      <c r="C324" s="14"/>
    </row>
    <row r="325" spans="1:3" ht="30" x14ac:dyDescent="0.25">
      <c r="A325" s="12" t="s">
        <v>3027</v>
      </c>
      <c r="B325" s="13" t="s">
        <v>3028</v>
      </c>
      <c r="C325" s="14"/>
    </row>
    <row r="326" spans="1:3" x14ac:dyDescent="0.25">
      <c r="A326" s="12" t="s">
        <v>2365</v>
      </c>
      <c r="B326" s="15">
        <v>43280</v>
      </c>
      <c r="C326" s="14"/>
    </row>
    <row r="327" spans="1:3" x14ac:dyDescent="0.25">
      <c r="A327" s="17" t="s">
        <v>1042</v>
      </c>
      <c r="B327" s="15">
        <v>41068</v>
      </c>
      <c r="C327" s="18"/>
    </row>
    <row r="328" spans="1:3" ht="30" x14ac:dyDescent="0.25">
      <c r="A328" s="17" t="s">
        <v>66</v>
      </c>
      <c r="B328" s="15">
        <v>39484</v>
      </c>
      <c r="C328" s="18"/>
    </row>
    <row r="329" spans="1:3" x14ac:dyDescent="0.25">
      <c r="A329" s="17" t="s">
        <v>1168</v>
      </c>
      <c r="B329" s="15">
        <v>41297</v>
      </c>
      <c r="C329" s="18"/>
    </row>
    <row r="330" spans="1:3" x14ac:dyDescent="0.25">
      <c r="A330" s="12" t="s">
        <v>2098</v>
      </c>
      <c r="B330" s="15">
        <v>42872</v>
      </c>
      <c r="C330" s="14"/>
    </row>
    <row r="331" spans="1:3" x14ac:dyDescent="0.25">
      <c r="A331" s="17" t="s">
        <v>863</v>
      </c>
      <c r="B331" s="15">
        <v>40709</v>
      </c>
      <c r="C331" s="18"/>
    </row>
    <row r="332" spans="1:3" x14ac:dyDescent="0.25">
      <c r="A332" s="17" t="s">
        <v>494</v>
      </c>
      <c r="B332" s="15">
        <v>40123</v>
      </c>
      <c r="C332" s="18"/>
    </row>
    <row r="333" spans="1:3" x14ac:dyDescent="0.25">
      <c r="A333" s="12" t="s">
        <v>2239</v>
      </c>
      <c r="B333" s="15">
        <v>43059</v>
      </c>
      <c r="C333" s="14"/>
    </row>
    <row r="334" spans="1:3" ht="45" x14ac:dyDescent="0.25">
      <c r="A334" s="17" t="s">
        <v>1828</v>
      </c>
      <c r="B334" s="15" t="s">
        <v>1829</v>
      </c>
      <c r="C334" s="18"/>
    </row>
    <row r="335" spans="1:3" x14ac:dyDescent="0.25">
      <c r="A335" s="12" t="s">
        <v>2121</v>
      </c>
      <c r="B335" s="15">
        <v>42899</v>
      </c>
      <c r="C335" s="14"/>
    </row>
    <row r="336" spans="1:3" x14ac:dyDescent="0.25">
      <c r="A336" s="17" t="s">
        <v>194</v>
      </c>
      <c r="B336" s="15">
        <v>39836</v>
      </c>
      <c r="C336" s="18"/>
    </row>
    <row r="337" spans="1:3" x14ac:dyDescent="0.25">
      <c r="A337" s="17" t="s">
        <v>1248</v>
      </c>
      <c r="B337" s="15">
        <v>41498</v>
      </c>
      <c r="C337" s="18"/>
    </row>
    <row r="338" spans="1:3" ht="75" x14ac:dyDescent="0.25">
      <c r="A338" s="12" t="s">
        <v>2381</v>
      </c>
      <c r="B338" s="15" t="s">
        <v>2382</v>
      </c>
      <c r="C338" s="14"/>
    </row>
    <row r="339" spans="1:3" x14ac:dyDescent="0.25">
      <c r="A339" s="20" t="s">
        <v>3231</v>
      </c>
      <c r="B339" s="21">
        <v>45721</v>
      </c>
      <c r="C339" s="22"/>
    </row>
    <row r="340" spans="1:3" ht="45" x14ac:dyDescent="0.25">
      <c r="A340" s="12" t="s">
        <v>2485</v>
      </c>
      <c r="B340" s="15" t="s">
        <v>2486</v>
      </c>
      <c r="C340" s="14"/>
    </row>
    <row r="341" spans="1:3" x14ac:dyDescent="0.25">
      <c r="A341" s="17" t="s">
        <v>1761</v>
      </c>
      <c r="B341" s="15">
        <v>42424</v>
      </c>
      <c r="C341" s="18"/>
    </row>
    <row r="342" spans="1:3" ht="45" x14ac:dyDescent="0.25">
      <c r="A342" s="17" t="s">
        <v>429</v>
      </c>
      <c r="B342" s="15" t="s">
        <v>430</v>
      </c>
      <c r="C342" s="18"/>
    </row>
    <row r="343" spans="1:3" ht="30" x14ac:dyDescent="0.25">
      <c r="A343" s="17" t="s">
        <v>2505</v>
      </c>
      <c r="B343" s="15">
        <v>43572</v>
      </c>
      <c r="C343" s="14"/>
    </row>
    <row r="344" spans="1:3" x14ac:dyDescent="0.25">
      <c r="A344" s="17" t="s">
        <v>835</v>
      </c>
      <c r="B344" s="15">
        <v>40647</v>
      </c>
      <c r="C344" s="18"/>
    </row>
    <row r="345" spans="1:3" ht="75" x14ac:dyDescent="0.25">
      <c r="A345" s="17" t="s">
        <v>836</v>
      </c>
      <c r="B345" s="26" t="s">
        <v>3291</v>
      </c>
      <c r="C345" s="18"/>
    </row>
    <row r="346" spans="1:3" ht="45" x14ac:dyDescent="0.25">
      <c r="A346" s="17" t="s">
        <v>473</v>
      </c>
      <c r="B346" s="15">
        <v>40081</v>
      </c>
      <c r="C346" s="18"/>
    </row>
    <row r="347" spans="1:3" x14ac:dyDescent="0.25">
      <c r="A347" s="17" t="s">
        <v>1671</v>
      </c>
      <c r="B347" s="15">
        <v>42275</v>
      </c>
      <c r="C347" s="18"/>
    </row>
    <row r="348" spans="1:3" x14ac:dyDescent="0.25">
      <c r="A348" s="12" t="s">
        <v>1995</v>
      </c>
      <c r="B348" s="15">
        <v>42754</v>
      </c>
      <c r="C348" s="14"/>
    </row>
    <row r="349" spans="1:3" x14ac:dyDescent="0.25">
      <c r="A349" s="12" t="s">
        <v>2472</v>
      </c>
      <c r="B349" s="15">
        <v>43480</v>
      </c>
      <c r="C349" s="14"/>
    </row>
    <row r="350" spans="1:3" x14ac:dyDescent="0.25">
      <c r="A350" s="17" t="s">
        <v>402</v>
      </c>
      <c r="B350" s="15">
        <v>40003</v>
      </c>
      <c r="C350" s="18"/>
    </row>
    <row r="351" spans="1:3" x14ac:dyDescent="0.25">
      <c r="A351" s="17" t="s">
        <v>1082</v>
      </c>
      <c r="B351" s="15">
        <v>41129</v>
      </c>
      <c r="C351" s="18"/>
    </row>
    <row r="352" spans="1:3" ht="30" x14ac:dyDescent="0.25">
      <c r="A352" s="17" t="s">
        <v>1083</v>
      </c>
      <c r="B352" s="15">
        <v>41129</v>
      </c>
      <c r="C352" s="18"/>
    </row>
    <row r="353" spans="1:3" x14ac:dyDescent="0.25">
      <c r="A353" s="17" t="s">
        <v>1371</v>
      </c>
      <c r="B353" s="15">
        <v>41729</v>
      </c>
      <c r="C353" s="18"/>
    </row>
    <row r="354" spans="1:3" x14ac:dyDescent="0.25">
      <c r="A354" s="17" t="s">
        <v>404</v>
      </c>
      <c r="B354" s="15" t="s">
        <v>405</v>
      </c>
      <c r="C354" s="18"/>
    </row>
    <row r="355" spans="1:3" x14ac:dyDescent="0.25">
      <c r="A355" s="12" t="s">
        <v>2606</v>
      </c>
      <c r="B355" s="15">
        <v>43766</v>
      </c>
      <c r="C355" s="14"/>
    </row>
    <row r="356" spans="1:3" ht="30" x14ac:dyDescent="0.25">
      <c r="A356" s="17" t="s">
        <v>190</v>
      </c>
      <c r="B356" s="15" t="s">
        <v>191</v>
      </c>
      <c r="C356" s="18"/>
    </row>
    <row r="357" spans="1:3" ht="30" x14ac:dyDescent="0.25">
      <c r="A357" s="33" t="s">
        <v>2609</v>
      </c>
      <c r="B357" s="15" t="s">
        <v>2610</v>
      </c>
      <c r="C357" s="14"/>
    </row>
    <row r="358" spans="1:3" ht="45" x14ac:dyDescent="0.25">
      <c r="A358" s="34" t="s">
        <v>1681</v>
      </c>
      <c r="B358" s="15" t="s">
        <v>1682</v>
      </c>
      <c r="C358" s="18"/>
    </row>
    <row r="359" spans="1:3" ht="30" x14ac:dyDescent="0.25">
      <c r="A359" s="12" t="s">
        <v>2431</v>
      </c>
      <c r="B359" s="15">
        <v>43402</v>
      </c>
      <c r="C359" s="14"/>
    </row>
    <row r="360" spans="1:3" x14ac:dyDescent="0.25">
      <c r="A360" s="12" t="s">
        <v>2158</v>
      </c>
      <c r="B360" s="15">
        <v>42963</v>
      </c>
      <c r="C360" s="14"/>
    </row>
    <row r="361" spans="1:3" x14ac:dyDescent="0.25">
      <c r="A361" s="17" t="s">
        <v>215</v>
      </c>
      <c r="B361" s="15">
        <v>39849</v>
      </c>
      <c r="C361" s="18"/>
    </row>
    <row r="362" spans="1:3" x14ac:dyDescent="0.25">
      <c r="A362" s="12" t="s">
        <v>2887</v>
      </c>
      <c r="B362" s="24" t="s">
        <v>2888</v>
      </c>
      <c r="C362" s="14"/>
    </row>
    <row r="363" spans="1:3" x14ac:dyDescent="0.25">
      <c r="A363" s="17" t="s">
        <v>1719</v>
      </c>
      <c r="B363" s="15">
        <v>42338</v>
      </c>
      <c r="C363" s="18"/>
    </row>
    <row r="364" spans="1:3" ht="30" x14ac:dyDescent="0.25">
      <c r="A364" s="17" t="s">
        <v>1769</v>
      </c>
      <c r="B364" s="15" t="s">
        <v>1770</v>
      </c>
      <c r="C364" s="18"/>
    </row>
    <row r="365" spans="1:3" ht="45" x14ac:dyDescent="0.25">
      <c r="A365" s="12" t="s">
        <v>1993</v>
      </c>
      <c r="B365" s="15" t="s">
        <v>1994</v>
      </c>
      <c r="C365" s="14"/>
    </row>
    <row r="366" spans="1:3" x14ac:dyDescent="0.25">
      <c r="A366" s="17" t="s">
        <v>614</v>
      </c>
      <c r="B366" s="15">
        <v>40304</v>
      </c>
      <c r="C366" s="18"/>
    </row>
    <row r="367" spans="1:3" x14ac:dyDescent="0.25">
      <c r="A367" s="17" t="s">
        <v>970</v>
      </c>
      <c r="B367" s="15">
        <v>40927</v>
      </c>
      <c r="C367" s="18"/>
    </row>
    <row r="368" spans="1:3" x14ac:dyDescent="0.25">
      <c r="A368" s="17" t="s">
        <v>811</v>
      </c>
      <c r="B368" s="15">
        <v>40607</v>
      </c>
      <c r="C368" s="18"/>
    </row>
    <row r="369" spans="1:3" x14ac:dyDescent="0.25">
      <c r="A369" s="17" t="s">
        <v>552</v>
      </c>
      <c r="B369" s="15">
        <v>40213</v>
      </c>
      <c r="C369" s="18"/>
    </row>
    <row r="370" spans="1:3" ht="45" x14ac:dyDescent="0.25">
      <c r="A370" s="12" t="s">
        <v>2025</v>
      </c>
      <c r="B370" s="15" t="s">
        <v>2026</v>
      </c>
      <c r="C370" s="14"/>
    </row>
    <row r="371" spans="1:3" x14ac:dyDescent="0.25">
      <c r="A371" s="17" t="s">
        <v>749</v>
      </c>
      <c r="B371" s="15">
        <v>40484</v>
      </c>
      <c r="C371" s="18"/>
    </row>
    <row r="372" spans="1:3" x14ac:dyDescent="0.25">
      <c r="A372" s="17" t="s">
        <v>135</v>
      </c>
      <c r="B372" s="15">
        <v>39730</v>
      </c>
      <c r="C372" s="18"/>
    </row>
    <row r="373" spans="1:3" x14ac:dyDescent="0.25">
      <c r="A373" s="17" t="s">
        <v>496</v>
      </c>
      <c r="B373" s="15" t="s">
        <v>497</v>
      </c>
      <c r="C373" s="18"/>
    </row>
    <row r="374" spans="1:3" ht="30" x14ac:dyDescent="0.25">
      <c r="A374" s="12" t="s">
        <v>2015</v>
      </c>
      <c r="B374" s="15" t="s">
        <v>2016</v>
      </c>
      <c r="C374" s="14"/>
    </row>
    <row r="375" spans="1:3" ht="45" x14ac:dyDescent="0.25">
      <c r="A375" s="12" t="s">
        <v>2369</v>
      </c>
      <c r="B375" s="15" t="s">
        <v>2368</v>
      </c>
      <c r="C375" s="14"/>
    </row>
    <row r="376" spans="1:3" ht="45" x14ac:dyDescent="0.25">
      <c r="A376" s="12" t="s">
        <v>2367</v>
      </c>
      <c r="B376" s="15" t="s">
        <v>2368</v>
      </c>
      <c r="C376" s="14"/>
    </row>
    <row r="377" spans="1:3" x14ac:dyDescent="0.25">
      <c r="A377" s="12" t="s">
        <v>3074</v>
      </c>
      <c r="B377" s="16">
        <v>45067</v>
      </c>
      <c r="C377" s="14"/>
    </row>
    <row r="378" spans="1:3" x14ac:dyDescent="0.25">
      <c r="A378" s="12" t="s">
        <v>2972</v>
      </c>
      <c r="B378" s="24" t="s">
        <v>2973</v>
      </c>
      <c r="C378" s="14"/>
    </row>
    <row r="379" spans="1:3" x14ac:dyDescent="0.25">
      <c r="A379" s="12" t="s">
        <v>2970</v>
      </c>
      <c r="B379" s="24" t="s">
        <v>2971</v>
      </c>
      <c r="C379" s="14"/>
    </row>
    <row r="380" spans="1:3" x14ac:dyDescent="0.25">
      <c r="A380" s="17" t="s">
        <v>731</v>
      </c>
      <c r="B380" s="15">
        <v>40455</v>
      </c>
      <c r="C380" s="18"/>
    </row>
    <row r="381" spans="1:3" x14ac:dyDescent="0.25">
      <c r="A381" s="12" t="s">
        <v>2165</v>
      </c>
      <c r="B381" s="15">
        <v>42975</v>
      </c>
      <c r="C381" s="14"/>
    </row>
    <row r="382" spans="1:3" x14ac:dyDescent="0.25">
      <c r="A382" s="17" t="s">
        <v>570</v>
      </c>
      <c r="B382" s="15">
        <v>40239</v>
      </c>
      <c r="C382" s="18"/>
    </row>
    <row r="383" spans="1:3" x14ac:dyDescent="0.25">
      <c r="A383" s="12" t="s">
        <v>2219</v>
      </c>
      <c r="B383" s="15">
        <v>43033</v>
      </c>
      <c r="C383" s="14"/>
    </row>
    <row r="384" spans="1:3" ht="45" x14ac:dyDescent="0.25">
      <c r="A384" s="12" t="s">
        <v>2034</v>
      </c>
      <c r="B384" s="15" t="s">
        <v>2035</v>
      </c>
      <c r="C384" s="14"/>
    </row>
    <row r="385" spans="1:3" x14ac:dyDescent="0.25">
      <c r="A385" s="17" t="s">
        <v>1850</v>
      </c>
      <c r="B385" s="15">
        <v>42544</v>
      </c>
      <c r="C385" s="18"/>
    </row>
    <row r="386" spans="1:3" ht="45" x14ac:dyDescent="0.25">
      <c r="A386" s="17" t="s">
        <v>1325</v>
      </c>
      <c r="B386" s="15" t="s">
        <v>1326</v>
      </c>
      <c r="C386" s="18"/>
    </row>
    <row r="387" spans="1:3" x14ac:dyDescent="0.25">
      <c r="A387" s="12" t="s">
        <v>2636</v>
      </c>
      <c r="B387" s="15">
        <v>43893</v>
      </c>
      <c r="C387" s="14"/>
    </row>
    <row r="388" spans="1:3" x14ac:dyDescent="0.25">
      <c r="A388" s="17" t="s">
        <v>493</v>
      </c>
      <c r="B388" s="15">
        <v>40123</v>
      </c>
      <c r="C388" s="18"/>
    </row>
    <row r="389" spans="1:3" ht="45" x14ac:dyDescent="0.25">
      <c r="A389" s="12" t="s">
        <v>3013</v>
      </c>
      <c r="B389" s="13" t="s">
        <v>3014</v>
      </c>
      <c r="C389" s="14"/>
    </row>
    <row r="390" spans="1:3" x14ac:dyDescent="0.25">
      <c r="A390" s="17" t="s">
        <v>721</v>
      </c>
      <c r="B390" s="15">
        <v>40450</v>
      </c>
      <c r="C390" s="18"/>
    </row>
    <row r="391" spans="1:3" ht="30" x14ac:dyDescent="0.25">
      <c r="A391" s="17" t="s">
        <v>1303</v>
      </c>
      <c r="B391" s="15">
        <v>41612</v>
      </c>
      <c r="C391" s="18"/>
    </row>
    <row r="392" spans="1:3" x14ac:dyDescent="0.25">
      <c r="A392" s="17" t="s">
        <v>1365</v>
      </c>
      <c r="B392" s="15">
        <v>41726</v>
      </c>
      <c r="C392" s="18"/>
    </row>
    <row r="393" spans="1:3" ht="30" x14ac:dyDescent="0.25">
      <c r="A393" s="12" t="s">
        <v>2071</v>
      </c>
      <c r="B393" s="15" t="s">
        <v>2072</v>
      </c>
      <c r="C393" s="14"/>
    </row>
    <row r="394" spans="1:3" x14ac:dyDescent="0.25">
      <c r="A394" s="12" t="s">
        <v>2784</v>
      </c>
      <c r="B394" s="16">
        <v>44376</v>
      </c>
      <c r="C394" s="14"/>
    </row>
    <row r="395" spans="1:3" x14ac:dyDescent="0.25">
      <c r="A395" s="20" t="s">
        <v>3252</v>
      </c>
      <c r="B395" s="21">
        <v>45777</v>
      </c>
      <c r="C395" s="22"/>
    </row>
    <row r="396" spans="1:3" ht="30" x14ac:dyDescent="0.25">
      <c r="A396" s="12" t="s">
        <v>2208</v>
      </c>
      <c r="B396" s="15">
        <v>43021</v>
      </c>
      <c r="C396" s="14"/>
    </row>
    <row r="397" spans="1:3" x14ac:dyDescent="0.25">
      <c r="A397" s="12" t="s">
        <v>2815</v>
      </c>
      <c r="B397" s="16">
        <v>44453</v>
      </c>
      <c r="C397" s="14"/>
    </row>
    <row r="398" spans="1:3" x14ac:dyDescent="0.25">
      <c r="A398" s="17" t="s">
        <v>226</v>
      </c>
      <c r="B398" s="15">
        <v>39861</v>
      </c>
      <c r="C398" s="18"/>
    </row>
    <row r="399" spans="1:3" x14ac:dyDescent="0.25">
      <c r="A399" s="17" t="s">
        <v>1617</v>
      </c>
      <c r="B399" s="15">
        <v>42164</v>
      </c>
      <c r="C399" s="18"/>
    </row>
    <row r="400" spans="1:3" ht="60" x14ac:dyDescent="0.25">
      <c r="A400" s="12" t="s">
        <v>2004</v>
      </c>
      <c r="B400" s="15" t="s">
        <v>2005</v>
      </c>
      <c r="C400" s="27">
        <v>42767</v>
      </c>
    </row>
    <row r="401" spans="1:3" ht="45" x14ac:dyDescent="0.25">
      <c r="A401" s="17" t="s">
        <v>41</v>
      </c>
      <c r="B401" s="26" t="s">
        <v>42</v>
      </c>
      <c r="C401" s="18"/>
    </row>
    <row r="402" spans="1:3" ht="45" x14ac:dyDescent="0.25">
      <c r="A402" s="17" t="s">
        <v>43</v>
      </c>
      <c r="B402" s="26" t="s">
        <v>42</v>
      </c>
      <c r="C402" s="18"/>
    </row>
    <row r="403" spans="1:3" x14ac:dyDescent="0.25">
      <c r="A403" s="17" t="s">
        <v>685</v>
      </c>
      <c r="B403" s="15">
        <v>40399</v>
      </c>
      <c r="C403" s="18"/>
    </row>
    <row r="404" spans="1:3" x14ac:dyDescent="0.25">
      <c r="A404" s="17" t="s">
        <v>1489</v>
      </c>
      <c r="B404" s="15">
        <v>41925</v>
      </c>
      <c r="C404" s="18"/>
    </row>
    <row r="405" spans="1:3" x14ac:dyDescent="0.25">
      <c r="A405" s="17" t="s">
        <v>1487</v>
      </c>
      <c r="B405" s="15">
        <v>41925</v>
      </c>
      <c r="C405" s="18"/>
    </row>
    <row r="406" spans="1:3" x14ac:dyDescent="0.25">
      <c r="A406" s="17" t="s">
        <v>1488</v>
      </c>
      <c r="B406" s="15">
        <v>41925</v>
      </c>
      <c r="C406" s="18"/>
    </row>
    <row r="407" spans="1:3" x14ac:dyDescent="0.25">
      <c r="A407" s="17" t="s">
        <v>1100</v>
      </c>
      <c r="B407" s="15">
        <v>41151</v>
      </c>
      <c r="C407" s="18"/>
    </row>
    <row r="408" spans="1:3" ht="75" x14ac:dyDescent="0.25">
      <c r="A408" s="12" t="s">
        <v>2017</v>
      </c>
      <c r="B408" s="15" t="s">
        <v>2018</v>
      </c>
      <c r="C408" s="14"/>
    </row>
    <row r="409" spans="1:3" ht="60" x14ac:dyDescent="0.25">
      <c r="A409" s="12" t="s">
        <v>2780</v>
      </c>
      <c r="B409" s="25" t="s">
        <v>2781</v>
      </c>
      <c r="C409" s="32">
        <v>44362</v>
      </c>
    </row>
    <row r="410" spans="1:3" x14ac:dyDescent="0.25">
      <c r="A410" s="17" t="s">
        <v>207</v>
      </c>
      <c r="B410" s="15">
        <v>39843</v>
      </c>
      <c r="C410" s="18"/>
    </row>
    <row r="411" spans="1:3" ht="45" x14ac:dyDescent="0.25">
      <c r="A411" s="17" t="s">
        <v>1203</v>
      </c>
      <c r="B411" s="15" t="s">
        <v>1204</v>
      </c>
      <c r="C411" s="18"/>
    </row>
    <row r="412" spans="1:3" x14ac:dyDescent="0.25">
      <c r="A412" s="17" t="s">
        <v>993</v>
      </c>
      <c r="B412" s="15">
        <v>40948</v>
      </c>
      <c r="C412" s="18"/>
    </row>
    <row r="413" spans="1:3" x14ac:dyDescent="0.25">
      <c r="A413" s="17" t="s">
        <v>486</v>
      </c>
      <c r="B413" s="15" t="s">
        <v>487</v>
      </c>
      <c r="C413" s="18"/>
    </row>
    <row r="414" spans="1:3" x14ac:dyDescent="0.25">
      <c r="A414" s="17" t="s">
        <v>962</v>
      </c>
      <c r="B414" s="15">
        <v>40918</v>
      </c>
      <c r="C414" s="18"/>
    </row>
    <row r="415" spans="1:3" x14ac:dyDescent="0.25">
      <c r="A415" s="17" t="s">
        <v>1541</v>
      </c>
      <c r="B415" s="15">
        <v>42012</v>
      </c>
      <c r="C415" s="18"/>
    </row>
    <row r="416" spans="1:3" x14ac:dyDescent="0.25">
      <c r="A416" s="17" t="s">
        <v>766</v>
      </c>
      <c r="B416" s="15">
        <v>40542</v>
      </c>
      <c r="C416" s="18"/>
    </row>
    <row r="417" spans="1:3" x14ac:dyDescent="0.25">
      <c r="A417" s="17" t="s">
        <v>197</v>
      </c>
      <c r="B417" s="15">
        <v>39836</v>
      </c>
      <c r="C417" s="18"/>
    </row>
    <row r="418" spans="1:3" ht="45" x14ac:dyDescent="0.25">
      <c r="A418" s="17" t="s">
        <v>106</v>
      </c>
      <c r="B418" s="15" t="s">
        <v>107</v>
      </c>
      <c r="C418" s="18"/>
    </row>
    <row r="419" spans="1:3" x14ac:dyDescent="0.25">
      <c r="A419" s="17" t="s">
        <v>216</v>
      </c>
      <c r="B419" s="15" t="s">
        <v>217</v>
      </c>
      <c r="C419" s="18"/>
    </row>
    <row r="420" spans="1:3" ht="45" x14ac:dyDescent="0.25">
      <c r="A420" s="12" t="s">
        <v>2404</v>
      </c>
      <c r="B420" s="15" t="s">
        <v>2405</v>
      </c>
      <c r="C420" s="14"/>
    </row>
    <row r="421" spans="1:3" ht="30" x14ac:dyDescent="0.25">
      <c r="A421" s="17" t="s">
        <v>260</v>
      </c>
      <c r="B421" s="15">
        <v>39888</v>
      </c>
      <c r="C421" s="18"/>
    </row>
    <row r="422" spans="1:3" ht="30" x14ac:dyDescent="0.25">
      <c r="A422" s="17" t="s">
        <v>439</v>
      </c>
      <c r="B422" s="15">
        <v>40045</v>
      </c>
      <c r="C422" s="18"/>
    </row>
    <row r="423" spans="1:3" x14ac:dyDescent="0.25">
      <c r="A423" s="17" t="s">
        <v>674</v>
      </c>
      <c r="B423" s="15">
        <v>40373</v>
      </c>
      <c r="C423" s="18"/>
    </row>
    <row r="424" spans="1:3" x14ac:dyDescent="0.25">
      <c r="A424" s="17" t="s">
        <v>1683</v>
      </c>
      <c r="B424" s="15">
        <v>42284</v>
      </c>
      <c r="C424" s="18"/>
    </row>
    <row r="425" spans="1:3" x14ac:dyDescent="0.25">
      <c r="A425" s="17" t="s">
        <v>1118</v>
      </c>
      <c r="B425" s="15">
        <v>41184</v>
      </c>
      <c r="C425" s="18"/>
    </row>
    <row r="426" spans="1:3" ht="45" x14ac:dyDescent="0.25">
      <c r="A426" s="17" t="s">
        <v>348</v>
      </c>
      <c r="B426" s="15" t="s">
        <v>349</v>
      </c>
      <c r="C426" s="18"/>
    </row>
    <row r="427" spans="1:3" x14ac:dyDescent="0.25">
      <c r="A427" s="17" t="s">
        <v>1095</v>
      </c>
      <c r="B427" s="15">
        <v>41145</v>
      </c>
      <c r="C427" s="18"/>
    </row>
    <row r="428" spans="1:3" x14ac:dyDescent="0.25">
      <c r="A428" s="12" t="s">
        <v>2446</v>
      </c>
      <c r="B428" s="15">
        <v>43412</v>
      </c>
      <c r="C428" s="14"/>
    </row>
    <row r="429" spans="1:3" x14ac:dyDescent="0.25">
      <c r="A429" s="17" t="s">
        <v>951</v>
      </c>
      <c r="B429" s="15">
        <v>40897</v>
      </c>
      <c r="C429" s="18"/>
    </row>
    <row r="430" spans="1:3" x14ac:dyDescent="0.25">
      <c r="A430" s="17" t="s">
        <v>919</v>
      </c>
      <c r="B430" s="15">
        <v>40837</v>
      </c>
      <c r="C430" s="18"/>
    </row>
    <row r="431" spans="1:3" x14ac:dyDescent="0.25">
      <c r="A431" s="17" t="s">
        <v>376</v>
      </c>
      <c r="B431" s="15">
        <v>39975</v>
      </c>
      <c r="C431" s="18"/>
    </row>
    <row r="432" spans="1:3" x14ac:dyDescent="0.25">
      <c r="A432" s="12" t="s">
        <v>2055</v>
      </c>
      <c r="B432" s="15">
        <v>42823</v>
      </c>
      <c r="C432" s="14"/>
    </row>
    <row r="433" spans="1:3" x14ac:dyDescent="0.25">
      <c r="A433" s="12" t="s">
        <v>2054</v>
      </c>
      <c r="B433" s="15">
        <v>42823</v>
      </c>
      <c r="C433" s="14"/>
    </row>
    <row r="434" spans="1:3" x14ac:dyDescent="0.25">
      <c r="A434" s="17" t="s">
        <v>1190</v>
      </c>
      <c r="B434" s="15">
        <v>41352</v>
      </c>
      <c r="C434" s="18"/>
    </row>
    <row r="435" spans="1:3" x14ac:dyDescent="0.25">
      <c r="A435" s="12" t="s">
        <v>2094</v>
      </c>
      <c r="B435" s="15">
        <v>42865</v>
      </c>
      <c r="C435" s="14"/>
    </row>
    <row r="436" spans="1:3" x14ac:dyDescent="0.25">
      <c r="A436" s="17" t="s">
        <v>968</v>
      </c>
      <c r="B436" s="15">
        <v>40926</v>
      </c>
      <c r="C436" s="18"/>
    </row>
    <row r="437" spans="1:3" x14ac:dyDescent="0.25">
      <c r="A437" s="12" t="s">
        <v>1985</v>
      </c>
      <c r="B437" s="15">
        <v>42739</v>
      </c>
      <c r="C437" s="14"/>
    </row>
    <row r="438" spans="1:3" x14ac:dyDescent="0.25">
      <c r="A438" s="17" t="s">
        <v>437</v>
      </c>
      <c r="B438" s="15">
        <v>40045</v>
      </c>
      <c r="C438" s="18"/>
    </row>
    <row r="439" spans="1:3" x14ac:dyDescent="0.25">
      <c r="A439" s="12" t="s">
        <v>2594</v>
      </c>
      <c r="B439" s="15">
        <v>43731</v>
      </c>
      <c r="C439" s="14"/>
    </row>
    <row r="440" spans="1:3" x14ac:dyDescent="0.25">
      <c r="A440" s="12" t="s">
        <v>2608</v>
      </c>
      <c r="B440" s="15">
        <v>43770</v>
      </c>
      <c r="C440" s="14"/>
    </row>
    <row r="441" spans="1:3" x14ac:dyDescent="0.25">
      <c r="A441" s="17" t="s">
        <v>1865</v>
      </c>
      <c r="B441" s="15">
        <v>42571</v>
      </c>
      <c r="C441" s="18"/>
    </row>
    <row r="442" spans="1:3" x14ac:dyDescent="0.25">
      <c r="A442" s="17" t="s">
        <v>29</v>
      </c>
      <c r="B442" s="15" t="s">
        <v>30</v>
      </c>
      <c r="C442" s="18"/>
    </row>
    <row r="443" spans="1:3" x14ac:dyDescent="0.25">
      <c r="A443" s="12" t="s">
        <v>2226</v>
      </c>
      <c r="B443" s="15">
        <v>43040</v>
      </c>
      <c r="C443" s="14"/>
    </row>
    <row r="444" spans="1:3" ht="30" x14ac:dyDescent="0.25">
      <c r="A444" s="17" t="s">
        <v>1500</v>
      </c>
      <c r="B444" s="15" t="s">
        <v>1501</v>
      </c>
      <c r="C444" s="18"/>
    </row>
    <row r="445" spans="1:3" x14ac:dyDescent="0.25">
      <c r="A445" s="17" t="s">
        <v>1189</v>
      </c>
      <c r="B445" s="15">
        <v>41347</v>
      </c>
      <c r="C445" s="18"/>
    </row>
    <row r="446" spans="1:3" x14ac:dyDescent="0.25">
      <c r="A446" s="17" t="s">
        <v>1067</v>
      </c>
      <c r="B446" s="15">
        <v>41096</v>
      </c>
      <c r="C446" s="18"/>
    </row>
    <row r="447" spans="1:3" x14ac:dyDescent="0.25">
      <c r="A447" s="12" t="s">
        <v>3051</v>
      </c>
      <c r="B447" s="16">
        <v>45009</v>
      </c>
      <c r="C447" s="14"/>
    </row>
    <row r="448" spans="1:3" ht="60" x14ac:dyDescent="0.25">
      <c r="A448" s="12" t="s">
        <v>2820</v>
      </c>
      <c r="B448" s="13" t="s">
        <v>2821</v>
      </c>
      <c r="C448" s="27">
        <v>44468</v>
      </c>
    </row>
    <row r="449" spans="1:3" ht="45" x14ac:dyDescent="0.25">
      <c r="A449" s="12" t="s">
        <v>2307</v>
      </c>
      <c r="B449" s="15" t="s">
        <v>2308</v>
      </c>
      <c r="C449" s="14"/>
    </row>
    <row r="450" spans="1:3" ht="45" x14ac:dyDescent="0.25">
      <c r="A450" s="17" t="s">
        <v>1465</v>
      </c>
      <c r="B450" s="15" t="s">
        <v>1466</v>
      </c>
      <c r="C450" s="18"/>
    </row>
    <row r="451" spans="1:3" ht="45" x14ac:dyDescent="0.25">
      <c r="A451" s="12" t="s">
        <v>2335</v>
      </c>
      <c r="B451" s="15" t="s">
        <v>2336</v>
      </c>
      <c r="C451" s="14"/>
    </row>
    <row r="452" spans="1:3" ht="30" x14ac:dyDescent="0.25">
      <c r="A452" s="17" t="s">
        <v>1451</v>
      </c>
      <c r="B452" s="15" t="s">
        <v>1452</v>
      </c>
      <c r="C452" s="18"/>
    </row>
    <row r="453" spans="1:3" ht="75" x14ac:dyDescent="0.25">
      <c r="A453" s="17" t="s">
        <v>58</v>
      </c>
      <c r="B453" s="26" t="s">
        <v>59</v>
      </c>
      <c r="C453" s="27">
        <v>44530</v>
      </c>
    </row>
    <row r="454" spans="1:3" ht="75" x14ac:dyDescent="0.25">
      <c r="A454" s="17" t="s">
        <v>58</v>
      </c>
      <c r="B454" s="26" t="s">
        <v>59</v>
      </c>
      <c r="C454" s="27">
        <v>44966</v>
      </c>
    </row>
    <row r="455" spans="1:3" x14ac:dyDescent="0.25">
      <c r="A455" s="17" t="s">
        <v>679</v>
      </c>
      <c r="B455" s="15">
        <v>40381</v>
      </c>
      <c r="C455" s="18"/>
    </row>
    <row r="456" spans="1:3" x14ac:dyDescent="0.25">
      <c r="A456" s="12" t="s">
        <v>2288</v>
      </c>
      <c r="B456" s="15">
        <v>43123</v>
      </c>
      <c r="C456" s="14"/>
    </row>
    <row r="457" spans="1:3" x14ac:dyDescent="0.25">
      <c r="A457" s="12" t="s">
        <v>2378</v>
      </c>
      <c r="B457" s="15">
        <v>43305</v>
      </c>
      <c r="C457" s="14"/>
    </row>
    <row r="458" spans="1:3" x14ac:dyDescent="0.25">
      <c r="A458" s="12" t="s">
        <v>1949</v>
      </c>
      <c r="B458" s="15">
        <v>42697</v>
      </c>
      <c r="C458" s="14"/>
    </row>
    <row r="459" spans="1:3" x14ac:dyDescent="0.25">
      <c r="A459" s="17" t="s">
        <v>1819</v>
      </c>
      <c r="B459" s="15">
        <v>42500</v>
      </c>
      <c r="C459" s="18"/>
    </row>
    <row r="460" spans="1:3" x14ac:dyDescent="0.25">
      <c r="A460" s="20" t="s">
        <v>3237</v>
      </c>
      <c r="B460" s="21">
        <v>45740</v>
      </c>
      <c r="C460" s="22"/>
    </row>
    <row r="461" spans="1:3" x14ac:dyDescent="0.25">
      <c r="A461" s="17" t="s">
        <v>1166</v>
      </c>
      <c r="B461" s="15">
        <v>41283</v>
      </c>
      <c r="C461" s="18"/>
    </row>
    <row r="462" spans="1:3" x14ac:dyDescent="0.25">
      <c r="A462" s="12" t="s">
        <v>3129</v>
      </c>
      <c r="B462" s="16">
        <v>45243</v>
      </c>
      <c r="C462" s="14"/>
    </row>
    <row r="463" spans="1:3" x14ac:dyDescent="0.25">
      <c r="A463" s="17" t="s">
        <v>426</v>
      </c>
      <c r="B463" s="15">
        <v>40031</v>
      </c>
      <c r="C463" s="18"/>
    </row>
    <row r="464" spans="1:3" x14ac:dyDescent="0.25">
      <c r="A464" s="12" t="s">
        <v>2754</v>
      </c>
      <c r="B464" s="16">
        <v>44299</v>
      </c>
      <c r="C464" s="14"/>
    </row>
    <row r="465" spans="1:3" ht="30" x14ac:dyDescent="0.25">
      <c r="A465" s="17" t="s">
        <v>580</v>
      </c>
      <c r="B465" s="15" t="s">
        <v>581</v>
      </c>
      <c r="C465" s="18"/>
    </row>
    <row r="466" spans="1:3" x14ac:dyDescent="0.25">
      <c r="A466" s="17" t="s">
        <v>932</v>
      </c>
      <c r="B466" s="15">
        <v>40863</v>
      </c>
      <c r="C466" s="18"/>
    </row>
    <row r="467" spans="1:3" x14ac:dyDescent="0.25">
      <c r="A467" s="17" t="s">
        <v>1658</v>
      </c>
      <c r="B467" s="15">
        <v>42235</v>
      </c>
      <c r="C467" s="18"/>
    </row>
    <row r="468" spans="1:3" x14ac:dyDescent="0.25">
      <c r="A468" s="17" t="s">
        <v>589</v>
      </c>
      <c r="B468" s="15">
        <v>40256</v>
      </c>
      <c r="C468" s="18"/>
    </row>
    <row r="469" spans="1:3" ht="30" x14ac:dyDescent="0.25">
      <c r="A469" s="17" t="s">
        <v>1492</v>
      </c>
      <c r="B469" s="15">
        <v>41940</v>
      </c>
      <c r="C469" s="18"/>
    </row>
    <row r="470" spans="1:3" ht="45" x14ac:dyDescent="0.25">
      <c r="A470" s="20" t="s">
        <v>3243</v>
      </c>
      <c r="B470" s="35" t="s">
        <v>3244</v>
      </c>
      <c r="C470" s="22"/>
    </row>
    <row r="471" spans="1:3" ht="45" x14ac:dyDescent="0.25">
      <c r="A471" s="12" t="s">
        <v>2253</v>
      </c>
      <c r="B471" s="15" t="s">
        <v>2254</v>
      </c>
      <c r="C471" s="14"/>
    </row>
    <row r="472" spans="1:3" x14ac:dyDescent="0.25">
      <c r="A472" s="17" t="s">
        <v>1165</v>
      </c>
      <c r="B472" s="15">
        <v>41281</v>
      </c>
      <c r="C472" s="18"/>
    </row>
    <row r="473" spans="1:3" x14ac:dyDescent="0.25">
      <c r="A473" s="17" t="s">
        <v>709</v>
      </c>
      <c r="B473" s="15">
        <v>40442</v>
      </c>
      <c r="C473" s="18"/>
    </row>
    <row r="474" spans="1:3" ht="45" x14ac:dyDescent="0.25">
      <c r="A474" s="12" t="s">
        <v>2629</v>
      </c>
      <c r="B474" s="15" t="s">
        <v>2630</v>
      </c>
      <c r="C474" s="14"/>
    </row>
    <row r="475" spans="1:3" x14ac:dyDescent="0.25">
      <c r="A475" s="12" t="s">
        <v>2879</v>
      </c>
      <c r="B475" s="24" t="s">
        <v>2880</v>
      </c>
      <c r="C475" s="14"/>
    </row>
    <row r="476" spans="1:3" ht="45" x14ac:dyDescent="0.25">
      <c r="A476" s="12" t="s">
        <v>2699</v>
      </c>
      <c r="B476" s="13" t="s">
        <v>2700</v>
      </c>
      <c r="C476" s="14"/>
    </row>
    <row r="477" spans="1:3" ht="45" x14ac:dyDescent="0.25">
      <c r="A477" s="17" t="s">
        <v>564</v>
      </c>
      <c r="B477" s="15" t="s">
        <v>565</v>
      </c>
      <c r="C477" s="18"/>
    </row>
    <row r="478" spans="1:3" ht="60" x14ac:dyDescent="0.25">
      <c r="A478" s="12" t="s">
        <v>3058</v>
      </c>
      <c r="B478" s="13" t="s">
        <v>3059</v>
      </c>
      <c r="C478" s="14"/>
    </row>
    <row r="479" spans="1:3" x14ac:dyDescent="0.25">
      <c r="A479" s="12" t="s">
        <v>2931</v>
      </c>
      <c r="B479" s="24" t="s">
        <v>2932</v>
      </c>
      <c r="C479" s="14"/>
    </row>
    <row r="480" spans="1:3" ht="75" x14ac:dyDescent="0.25">
      <c r="A480" s="17" t="s">
        <v>622</v>
      </c>
      <c r="B480" s="15" t="s">
        <v>623</v>
      </c>
      <c r="C480" s="27">
        <v>42394</v>
      </c>
    </row>
    <row r="481" spans="1:3" ht="45" x14ac:dyDescent="0.25">
      <c r="A481" s="17" t="s">
        <v>624</v>
      </c>
      <c r="B481" s="15" t="s">
        <v>625</v>
      </c>
      <c r="C481" s="18"/>
    </row>
    <row r="482" spans="1:3" ht="45" x14ac:dyDescent="0.25">
      <c r="A482" s="17" t="s">
        <v>1687</v>
      </c>
      <c r="B482" s="15" t="s">
        <v>1688</v>
      </c>
      <c r="C482" s="18"/>
    </row>
    <row r="483" spans="1:3" x14ac:dyDescent="0.25">
      <c r="A483" s="12" t="s">
        <v>2596</v>
      </c>
      <c r="B483" s="15">
        <v>43732</v>
      </c>
      <c r="C483" s="14"/>
    </row>
    <row r="484" spans="1:3" x14ac:dyDescent="0.25">
      <c r="A484" s="17" t="s">
        <v>753</v>
      </c>
      <c r="B484" s="15">
        <v>40485</v>
      </c>
      <c r="C484" s="18"/>
    </row>
    <row r="485" spans="1:3" ht="45" x14ac:dyDescent="0.25">
      <c r="A485" s="17" t="s">
        <v>1633</v>
      </c>
      <c r="B485" s="15" t="s">
        <v>1634</v>
      </c>
      <c r="C485" s="18"/>
    </row>
    <row r="486" spans="1:3" x14ac:dyDescent="0.25">
      <c r="A486" s="17" t="s">
        <v>340</v>
      </c>
      <c r="B486" s="15">
        <v>39955</v>
      </c>
      <c r="C486" s="18"/>
    </row>
    <row r="487" spans="1:3" x14ac:dyDescent="0.25">
      <c r="A487" s="17" t="s">
        <v>1262</v>
      </c>
      <c r="B487" s="15">
        <v>41513</v>
      </c>
      <c r="C487" s="18"/>
    </row>
    <row r="488" spans="1:3" x14ac:dyDescent="0.25">
      <c r="A488" s="12" t="s">
        <v>2411</v>
      </c>
      <c r="B488" s="15">
        <v>43353</v>
      </c>
      <c r="C488" s="14"/>
    </row>
    <row r="489" spans="1:3" x14ac:dyDescent="0.25">
      <c r="A489" s="17" t="s">
        <v>347</v>
      </c>
      <c r="B489" s="15">
        <v>39965</v>
      </c>
      <c r="C489" s="18"/>
    </row>
    <row r="490" spans="1:3" x14ac:dyDescent="0.25">
      <c r="A490" s="12" t="s">
        <v>2352</v>
      </c>
      <c r="B490" s="15">
        <v>43257</v>
      </c>
      <c r="C490" s="14"/>
    </row>
    <row r="491" spans="1:3" ht="30" x14ac:dyDescent="0.25">
      <c r="A491" s="17" t="s">
        <v>995</v>
      </c>
      <c r="B491" s="15">
        <v>40952</v>
      </c>
      <c r="C491" s="18"/>
    </row>
    <row r="492" spans="1:3" x14ac:dyDescent="0.25">
      <c r="A492" s="12" t="s">
        <v>3083</v>
      </c>
      <c r="B492" s="16">
        <v>45090</v>
      </c>
      <c r="C492" s="14"/>
    </row>
    <row r="493" spans="1:3" x14ac:dyDescent="0.25">
      <c r="A493" s="17" t="s">
        <v>1919</v>
      </c>
      <c r="B493" s="15">
        <v>42656</v>
      </c>
      <c r="C493" s="18"/>
    </row>
    <row r="494" spans="1:3" x14ac:dyDescent="0.25">
      <c r="A494" s="12" t="s">
        <v>1988</v>
      </c>
      <c r="B494" s="15">
        <v>42739</v>
      </c>
      <c r="C494" s="14"/>
    </row>
    <row r="495" spans="1:3" x14ac:dyDescent="0.25">
      <c r="A495" s="12" t="s">
        <v>3097</v>
      </c>
      <c r="B495" s="16">
        <v>45113</v>
      </c>
      <c r="C495" s="14"/>
    </row>
    <row r="496" spans="1:3" x14ac:dyDescent="0.25">
      <c r="A496" s="12" t="s">
        <v>2279</v>
      </c>
      <c r="B496" s="15">
        <v>43111</v>
      </c>
      <c r="C496" s="14"/>
    </row>
    <row r="497" spans="1:3" x14ac:dyDescent="0.25">
      <c r="A497" s="17" t="s">
        <v>443</v>
      </c>
      <c r="B497" s="15">
        <v>40051</v>
      </c>
      <c r="C497" s="18"/>
    </row>
    <row r="498" spans="1:3" x14ac:dyDescent="0.25">
      <c r="A498" s="17" t="s">
        <v>403</v>
      </c>
      <c r="B498" s="15">
        <v>40011</v>
      </c>
      <c r="C498" s="18"/>
    </row>
    <row r="499" spans="1:3" ht="45" x14ac:dyDescent="0.25">
      <c r="A499" s="12" t="s">
        <v>2108</v>
      </c>
      <c r="B499" s="15" t="s">
        <v>2109</v>
      </c>
      <c r="C499" s="14"/>
    </row>
    <row r="500" spans="1:3" x14ac:dyDescent="0.25">
      <c r="A500" s="12" t="s">
        <v>2686</v>
      </c>
      <c r="B500" s="16">
        <v>44076</v>
      </c>
      <c r="C500" s="14"/>
    </row>
    <row r="501" spans="1:3" ht="30" x14ac:dyDescent="0.25">
      <c r="A501" s="17" t="s">
        <v>559</v>
      </c>
      <c r="B501" s="15">
        <v>40228</v>
      </c>
      <c r="C501" s="18"/>
    </row>
    <row r="502" spans="1:3" x14ac:dyDescent="0.25">
      <c r="A502" s="17" t="s">
        <v>1778</v>
      </c>
      <c r="B502" s="15">
        <v>42450</v>
      </c>
      <c r="C502" s="18"/>
    </row>
    <row r="503" spans="1:3" x14ac:dyDescent="0.25">
      <c r="A503" s="17" t="s">
        <v>798</v>
      </c>
      <c r="B503" s="15">
        <v>40591</v>
      </c>
      <c r="C503" s="18"/>
    </row>
    <row r="504" spans="1:3" x14ac:dyDescent="0.25">
      <c r="A504" s="17" t="s">
        <v>2502</v>
      </c>
      <c r="B504" s="15">
        <v>43570</v>
      </c>
      <c r="C504" s="14"/>
    </row>
    <row r="505" spans="1:3" ht="60" x14ac:dyDescent="0.25">
      <c r="A505" s="17" t="s">
        <v>3</v>
      </c>
      <c r="B505" s="15" t="s">
        <v>4</v>
      </c>
      <c r="C505" s="36">
        <v>41572</v>
      </c>
    </row>
    <row r="506" spans="1:3" ht="60" x14ac:dyDescent="0.25">
      <c r="A506" s="12" t="s">
        <v>2702</v>
      </c>
      <c r="B506" s="16">
        <v>44125</v>
      </c>
      <c r="C506" s="37">
        <v>44125</v>
      </c>
    </row>
    <row r="507" spans="1:3" ht="60" x14ac:dyDescent="0.25">
      <c r="A507" s="12" t="s">
        <v>2702</v>
      </c>
      <c r="B507" s="16">
        <v>44127</v>
      </c>
      <c r="C507" s="37">
        <v>45348</v>
      </c>
    </row>
    <row r="508" spans="1:3" ht="60" x14ac:dyDescent="0.25">
      <c r="A508" s="12" t="s">
        <v>3080</v>
      </c>
      <c r="B508" s="38" t="s">
        <v>3081</v>
      </c>
      <c r="C508" s="27">
        <v>45090</v>
      </c>
    </row>
    <row r="509" spans="1:3" ht="45" x14ac:dyDescent="0.25">
      <c r="A509" s="17" t="s">
        <v>830</v>
      </c>
      <c r="B509" s="15" t="s">
        <v>831</v>
      </c>
      <c r="C509" s="18"/>
    </row>
    <row r="510" spans="1:3" ht="90" x14ac:dyDescent="0.25">
      <c r="A510" s="17" t="s">
        <v>997</v>
      </c>
      <c r="B510" s="15" t="s">
        <v>998</v>
      </c>
      <c r="C510" s="27">
        <v>40960</v>
      </c>
    </row>
    <row r="511" spans="1:3" ht="60" x14ac:dyDescent="0.25">
      <c r="A511" s="17" t="s">
        <v>166</v>
      </c>
      <c r="B511" s="15" t="s">
        <v>167</v>
      </c>
      <c r="C511" s="18"/>
    </row>
    <row r="512" spans="1:3" x14ac:dyDescent="0.25">
      <c r="A512" s="17" t="s">
        <v>1014</v>
      </c>
      <c r="B512" s="15">
        <v>40988</v>
      </c>
      <c r="C512" s="18"/>
    </row>
    <row r="513" spans="1:3" x14ac:dyDescent="0.25">
      <c r="A513" s="17" t="s">
        <v>456</v>
      </c>
      <c r="B513" s="15">
        <v>40067</v>
      </c>
      <c r="C513" s="18"/>
    </row>
    <row r="514" spans="1:3" x14ac:dyDescent="0.25">
      <c r="A514" s="20" t="s">
        <v>3229</v>
      </c>
      <c r="B514" s="21">
        <v>45713</v>
      </c>
      <c r="C514" s="22"/>
    </row>
    <row r="515" spans="1:3" x14ac:dyDescent="0.25">
      <c r="A515" s="17" t="s">
        <v>1779</v>
      </c>
      <c r="B515" s="15">
        <v>42452</v>
      </c>
      <c r="C515" s="18"/>
    </row>
    <row r="516" spans="1:3" x14ac:dyDescent="0.25">
      <c r="A516" s="17" t="s">
        <v>915</v>
      </c>
      <c r="B516" s="15">
        <v>40827</v>
      </c>
      <c r="C516" s="18"/>
    </row>
    <row r="517" spans="1:3" x14ac:dyDescent="0.25">
      <c r="A517" s="20" t="s">
        <v>3230</v>
      </c>
      <c r="B517" s="21">
        <v>45714</v>
      </c>
      <c r="C517" s="22"/>
    </row>
    <row r="518" spans="1:3" x14ac:dyDescent="0.25">
      <c r="A518" s="17" t="s">
        <v>977</v>
      </c>
      <c r="B518" s="15">
        <v>40932</v>
      </c>
      <c r="C518" s="18"/>
    </row>
    <row r="519" spans="1:3" x14ac:dyDescent="0.25">
      <c r="A519" s="17" t="s">
        <v>1222</v>
      </c>
      <c r="B519" s="15">
        <v>41453</v>
      </c>
      <c r="C519" s="18"/>
    </row>
    <row r="520" spans="1:3" x14ac:dyDescent="0.25">
      <c r="A520" s="12" t="s">
        <v>1984</v>
      </c>
      <c r="B520" s="15">
        <v>42738</v>
      </c>
      <c r="C520" s="14"/>
    </row>
    <row r="521" spans="1:3" x14ac:dyDescent="0.25">
      <c r="A521" s="17" t="s">
        <v>1869</v>
      </c>
      <c r="B521" s="15">
        <v>42579</v>
      </c>
      <c r="C521" s="18"/>
    </row>
    <row r="522" spans="1:3" x14ac:dyDescent="0.25">
      <c r="A522" s="17" t="s">
        <v>939</v>
      </c>
      <c r="B522" s="15">
        <v>40878</v>
      </c>
      <c r="C522" s="18"/>
    </row>
    <row r="523" spans="1:3" x14ac:dyDescent="0.25">
      <c r="A523" s="17" t="s">
        <v>862</v>
      </c>
      <c r="B523" s="15">
        <v>40704</v>
      </c>
      <c r="C523" s="18"/>
    </row>
    <row r="524" spans="1:3" x14ac:dyDescent="0.25">
      <c r="A524" s="20" t="s">
        <v>3254</v>
      </c>
      <c r="B524" s="21">
        <v>45785</v>
      </c>
      <c r="C524" s="22"/>
    </row>
    <row r="525" spans="1:3" x14ac:dyDescent="0.25">
      <c r="A525" s="17" t="s">
        <v>223</v>
      </c>
      <c r="B525" s="15">
        <v>39856</v>
      </c>
      <c r="C525" s="18"/>
    </row>
    <row r="526" spans="1:3" x14ac:dyDescent="0.25">
      <c r="A526" s="17" t="s">
        <v>309</v>
      </c>
      <c r="B526" s="15">
        <v>39927</v>
      </c>
      <c r="C526" s="18"/>
    </row>
    <row r="527" spans="1:3" x14ac:dyDescent="0.25">
      <c r="A527" s="17" t="s">
        <v>1805</v>
      </c>
      <c r="B527" s="15">
        <v>42485</v>
      </c>
      <c r="C527" s="18"/>
    </row>
    <row r="528" spans="1:3" x14ac:dyDescent="0.25">
      <c r="A528" s="17" t="s">
        <v>1006</v>
      </c>
      <c r="B528" s="15">
        <v>40973</v>
      </c>
      <c r="C528" s="18"/>
    </row>
    <row r="529" spans="1:3" x14ac:dyDescent="0.25">
      <c r="A529" s="17" t="s">
        <v>314</v>
      </c>
      <c r="B529" s="15">
        <v>39927</v>
      </c>
      <c r="C529" s="18"/>
    </row>
    <row r="530" spans="1:3" ht="30" x14ac:dyDescent="0.25">
      <c r="A530" s="17" t="s">
        <v>1471</v>
      </c>
      <c r="B530" s="15">
        <v>41899</v>
      </c>
      <c r="C530" s="18"/>
    </row>
    <row r="531" spans="1:3" x14ac:dyDescent="0.25">
      <c r="A531" s="17" t="s">
        <v>1582</v>
      </c>
      <c r="B531" s="15">
        <v>42107</v>
      </c>
      <c r="C531" s="18"/>
    </row>
    <row r="532" spans="1:3" x14ac:dyDescent="0.25">
      <c r="A532" s="17" t="s">
        <v>1266</v>
      </c>
      <c r="B532" s="15">
        <v>41528</v>
      </c>
      <c r="C532" s="18"/>
    </row>
    <row r="533" spans="1:3" x14ac:dyDescent="0.25">
      <c r="A533" s="17" t="s">
        <v>590</v>
      </c>
      <c r="B533" s="15">
        <v>40256</v>
      </c>
      <c r="C533" s="18"/>
    </row>
    <row r="534" spans="1:3" ht="30" x14ac:dyDescent="0.25">
      <c r="A534" s="17" t="s">
        <v>1570</v>
      </c>
      <c r="B534" s="15" t="s">
        <v>1571</v>
      </c>
      <c r="C534" s="18"/>
    </row>
    <row r="535" spans="1:3" ht="45" x14ac:dyDescent="0.25">
      <c r="A535" s="17" t="s">
        <v>1608</v>
      </c>
      <c r="B535" s="15" t="s">
        <v>1609</v>
      </c>
      <c r="C535" s="18"/>
    </row>
    <row r="536" spans="1:3" x14ac:dyDescent="0.25">
      <c r="A536" s="17" t="s">
        <v>774</v>
      </c>
      <c r="B536" s="15">
        <v>40548</v>
      </c>
      <c r="C536" s="18"/>
    </row>
    <row r="537" spans="1:3" ht="45" x14ac:dyDescent="0.25">
      <c r="A537" s="17" t="s">
        <v>1897</v>
      </c>
      <c r="B537" s="15" t="s">
        <v>1898</v>
      </c>
      <c r="C537" s="18"/>
    </row>
    <row r="538" spans="1:3" x14ac:dyDescent="0.25">
      <c r="A538" s="17" t="s">
        <v>1723</v>
      </c>
      <c r="B538" s="15">
        <v>42346</v>
      </c>
      <c r="C538" s="18"/>
    </row>
    <row r="539" spans="1:3" x14ac:dyDescent="0.25">
      <c r="A539" s="17" t="s">
        <v>921</v>
      </c>
      <c r="B539" s="15">
        <v>40841</v>
      </c>
      <c r="C539" s="18"/>
    </row>
    <row r="540" spans="1:3" x14ac:dyDescent="0.25">
      <c r="A540" s="17" t="s">
        <v>770</v>
      </c>
      <c r="B540" s="15">
        <v>40546</v>
      </c>
      <c r="C540" s="18"/>
    </row>
    <row r="541" spans="1:3" x14ac:dyDescent="0.25">
      <c r="A541" s="12" t="s">
        <v>2847</v>
      </c>
      <c r="B541" s="24" t="s">
        <v>2848</v>
      </c>
      <c r="C541" s="14"/>
    </row>
    <row r="542" spans="1:3" ht="45" x14ac:dyDescent="0.25">
      <c r="A542" s="17" t="s">
        <v>1233</v>
      </c>
      <c r="B542" s="15" t="s">
        <v>1234</v>
      </c>
      <c r="C542" s="18"/>
    </row>
    <row r="543" spans="1:3" ht="30" x14ac:dyDescent="0.25">
      <c r="A543" s="17" t="s">
        <v>1381</v>
      </c>
      <c r="B543" s="15" t="s">
        <v>1380</v>
      </c>
      <c r="C543" s="18"/>
    </row>
    <row r="544" spans="1:3" x14ac:dyDescent="0.25">
      <c r="A544" s="12" t="s">
        <v>2855</v>
      </c>
      <c r="B544" s="24" t="s">
        <v>2854</v>
      </c>
      <c r="C544" s="14"/>
    </row>
    <row r="545" spans="1:3" x14ac:dyDescent="0.25">
      <c r="A545" s="17" t="s">
        <v>792</v>
      </c>
      <c r="B545" s="15">
        <v>40571</v>
      </c>
      <c r="C545" s="18"/>
    </row>
    <row r="546" spans="1:3" ht="45" x14ac:dyDescent="0.25">
      <c r="A546" s="17" t="s">
        <v>1178</v>
      </c>
      <c r="B546" s="15" t="s">
        <v>1179</v>
      </c>
      <c r="C546" s="18"/>
    </row>
    <row r="547" spans="1:3" x14ac:dyDescent="0.25">
      <c r="A547" s="12" t="s">
        <v>2169</v>
      </c>
      <c r="B547" s="15">
        <v>42983</v>
      </c>
      <c r="C547" s="14"/>
    </row>
    <row r="548" spans="1:3" x14ac:dyDescent="0.25">
      <c r="A548" s="17" t="s">
        <v>522</v>
      </c>
      <c r="B548" s="15">
        <v>40158</v>
      </c>
      <c r="C548" s="18"/>
    </row>
    <row r="549" spans="1:3" x14ac:dyDescent="0.25">
      <c r="A549" s="17" t="s">
        <v>657</v>
      </c>
      <c r="B549" s="15">
        <v>40350</v>
      </c>
      <c r="C549" s="18"/>
    </row>
    <row r="550" spans="1:3" x14ac:dyDescent="0.25">
      <c r="A550" s="12" t="s">
        <v>2681</v>
      </c>
      <c r="B550" s="16">
        <v>44049</v>
      </c>
      <c r="C550" s="14"/>
    </row>
    <row r="551" spans="1:3" x14ac:dyDescent="0.25">
      <c r="A551" s="12" t="s">
        <v>2577</v>
      </c>
      <c r="B551" s="15">
        <v>43703</v>
      </c>
      <c r="C551" s="14"/>
    </row>
    <row r="552" spans="1:3" ht="75" x14ac:dyDescent="0.25">
      <c r="A552" s="17" t="s">
        <v>1721</v>
      </c>
      <c r="B552" s="15" t="s">
        <v>1722</v>
      </c>
      <c r="C552" s="18"/>
    </row>
    <row r="553" spans="1:3" x14ac:dyDescent="0.25">
      <c r="A553" s="20" t="s">
        <v>3272</v>
      </c>
      <c r="B553" s="21">
        <v>45896</v>
      </c>
      <c r="C553" s="22"/>
    </row>
    <row r="554" spans="1:3" x14ac:dyDescent="0.25">
      <c r="A554" s="12" t="s">
        <v>2469</v>
      </c>
      <c r="B554" s="15">
        <v>43466</v>
      </c>
      <c r="C554" s="14"/>
    </row>
    <row r="555" spans="1:3" x14ac:dyDescent="0.25">
      <c r="A555" s="17" t="s">
        <v>329</v>
      </c>
      <c r="B555" s="15">
        <v>39941</v>
      </c>
      <c r="C555" s="18"/>
    </row>
    <row r="556" spans="1:3" x14ac:dyDescent="0.25">
      <c r="A556" s="17" t="s">
        <v>310</v>
      </c>
      <c r="B556" s="15">
        <v>39927</v>
      </c>
      <c r="C556" s="18"/>
    </row>
    <row r="557" spans="1:3" x14ac:dyDescent="0.25">
      <c r="A557" s="17" t="s">
        <v>1703</v>
      </c>
      <c r="B557" s="15">
        <v>42314</v>
      </c>
      <c r="C557" s="18"/>
    </row>
    <row r="558" spans="1:3" x14ac:dyDescent="0.25">
      <c r="A558" s="12" t="s">
        <v>2839</v>
      </c>
      <c r="B558" s="24" t="s">
        <v>2840</v>
      </c>
      <c r="C558" s="14"/>
    </row>
    <row r="559" spans="1:3" x14ac:dyDescent="0.25">
      <c r="A559" s="17" t="s">
        <v>1128</v>
      </c>
      <c r="B559" s="15">
        <v>41198</v>
      </c>
      <c r="C559" s="18"/>
    </row>
    <row r="560" spans="1:3" x14ac:dyDescent="0.25">
      <c r="A560" s="12" t="s">
        <v>2470</v>
      </c>
      <c r="B560" s="15">
        <v>43466</v>
      </c>
      <c r="C560" s="14"/>
    </row>
    <row r="561" spans="1:3" ht="45" x14ac:dyDescent="0.25">
      <c r="A561" s="17" t="s">
        <v>786</v>
      </c>
      <c r="B561" s="15" t="s">
        <v>787</v>
      </c>
      <c r="C561" s="18"/>
    </row>
    <row r="562" spans="1:3" ht="45" x14ac:dyDescent="0.25">
      <c r="A562" s="12" t="s">
        <v>2543</v>
      </c>
      <c r="B562" s="15" t="s">
        <v>2544</v>
      </c>
      <c r="C562" s="14"/>
    </row>
    <row r="563" spans="1:3" ht="30" x14ac:dyDescent="0.25">
      <c r="A563" s="17" t="s">
        <v>476</v>
      </c>
      <c r="B563" s="15">
        <v>40088</v>
      </c>
      <c r="C563" s="18"/>
    </row>
    <row r="564" spans="1:3" x14ac:dyDescent="0.25">
      <c r="A564" s="12" t="s">
        <v>3164</v>
      </c>
      <c r="B564" s="16">
        <v>45401</v>
      </c>
      <c r="C564" s="14"/>
    </row>
    <row r="565" spans="1:3" ht="30" x14ac:dyDescent="0.25">
      <c r="A565" s="17" t="s">
        <v>1349</v>
      </c>
      <c r="B565" s="15" t="s">
        <v>1350</v>
      </c>
      <c r="C565" s="18"/>
    </row>
    <row r="566" spans="1:3" x14ac:dyDescent="0.25">
      <c r="A566" s="17" t="s">
        <v>1196</v>
      </c>
      <c r="B566" s="15">
        <v>41379</v>
      </c>
      <c r="C566" s="18"/>
    </row>
    <row r="567" spans="1:3" x14ac:dyDescent="0.25">
      <c r="A567" s="17" t="s">
        <v>1191</v>
      </c>
      <c r="B567" s="15">
        <v>41358</v>
      </c>
      <c r="C567" s="18"/>
    </row>
    <row r="568" spans="1:3" ht="45" x14ac:dyDescent="0.25">
      <c r="A568" s="17" t="s">
        <v>965</v>
      </c>
      <c r="B568" s="15" t="s">
        <v>966</v>
      </c>
      <c r="C568" s="18"/>
    </row>
    <row r="569" spans="1:3" ht="45" x14ac:dyDescent="0.25">
      <c r="A569" s="17" t="s">
        <v>967</v>
      </c>
      <c r="B569" s="15" t="s">
        <v>966</v>
      </c>
      <c r="C569" s="18"/>
    </row>
    <row r="570" spans="1:3" x14ac:dyDescent="0.25">
      <c r="A570" s="17" t="s">
        <v>383</v>
      </c>
      <c r="B570" s="15" t="s">
        <v>384</v>
      </c>
      <c r="C570" s="18"/>
    </row>
    <row r="571" spans="1:3" x14ac:dyDescent="0.25">
      <c r="A571" s="17" t="s">
        <v>47</v>
      </c>
      <c r="B571" s="15">
        <v>39216</v>
      </c>
      <c r="C571" s="18"/>
    </row>
    <row r="572" spans="1:3" ht="45" x14ac:dyDescent="0.25">
      <c r="A572" s="12" t="s">
        <v>2672</v>
      </c>
      <c r="B572" s="13" t="s">
        <v>2673</v>
      </c>
      <c r="C572" s="14"/>
    </row>
    <row r="573" spans="1:3" x14ac:dyDescent="0.25">
      <c r="A573" s="17" t="s">
        <v>974</v>
      </c>
      <c r="B573" s="15">
        <v>40927</v>
      </c>
      <c r="C573" s="18"/>
    </row>
    <row r="574" spans="1:3" x14ac:dyDescent="0.25">
      <c r="A574" s="17" t="s">
        <v>973</v>
      </c>
      <c r="B574" s="15">
        <v>40927</v>
      </c>
      <c r="C574" s="18"/>
    </row>
    <row r="575" spans="1:3" ht="30" x14ac:dyDescent="0.25">
      <c r="A575" s="12" t="s">
        <v>2988</v>
      </c>
      <c r="B575" s="25" t="s">
        <v>2989</v>
      </c>
      <c r="C575" s="14"/>
    </row>
    <row r="576" spans="1:3" x14ac:dyDescent="0.25">
      <c r="A576" s="17" t="s">
        <v>916</v>
      </c>
      <c r="B576" s="15">
        <v>40830</v>
      </c>
      <c r="C576" s="18"/>
    </row>
    <row r="577" spans="1:3" x14ac:dyDescent="0.25">
      <c r="A577" s="17" t="s">
        <v>1659</v>
      </c>
      <c r="B577" s="15">
        <v>42244</v>
      </c>
      <c r="C577" s="18"/>
    </row>
    <row r="578" spans="1:3" x14ac:dyDescent="0.25">
      <c r="A578" s="17" t="s">
        <v>296</v>
      </c>
      <c r="B578" s="15">
        <v>39912</v>
      </c>
      <c r="C578" s="18"/>
    </row>
    <row r="579" spans="1:3" x14ac:dyDescent="0.25">
      <c r="A579" s="17" t="s">
        <v>297</v>
      </c>
      <c r="B579" s="15">
        <v>39912</v>
      </c>
      <c r="C579" s="18"/>
    </row>
    <row r="580" spans="1:3" ht="30" x14ac:dyDescent="0.25">
      <c r="A580" s="12" t="s">
        <v>2799</v>
      </c>
      <c r="B580" s="16">
        <v>44417</v>
      </c>
      <c r="C580" s="14"/>
    </row>
    <row r="581" spans="1:3" x14ac:dyDescent="0.25">
      <c r="A581" s="17" t="s">
        <v>382</v>
      </c>
      <c r="B581" s="15">
        <v>39980</v>
      </c>
      <c r="C581" s="18"/>
    </row>
    <row r="582" spans="1:3" ht="45" x14ac:dyDescent="0.25">
      <c r="A582" s="12" t="s">
        <v>2075</v>
      </c>
      <c r="B582" s="15" t="s">
        <v>2076</v>
      </c>
      <c r="C582" s="14"/>
    </row>
    <row r="583" spans="1:3" x14ac:dyDescent="0.25">
      <c r="A583" s="17" t="s">
        <v>784</v>
      </c>
      <c r="B583" s="15">
        <v>40563</v>
      </c>
      <c r="C583" s="18"/>
    </row>
    <row r="584" spans="1:3" x14ac:dyDescent="0.25">
      <c r="A584" s="17" t="s">
        <v>1426</v>
      </c>
      <c r="B584" s="15">
        <v>41826</v>
      </c>
      <c r="C584" s="18"/>
    </row>
    <row r="585" spans="1:3" x14ac:dyDescent="0.25">
      <c r="A585" s="17" t="s">
        <v>1745</v>
      </c>
      <c r="B585" s="15">
        <v>42389</v>
      </c>
      <c r="C585" s="18"/>
    </row>
    <row r="586" spans="1:3" x14ac:dyDescent="0.25">
      <c r="A586" s="17" t="s">
        <v>57</v>
      </c>
      <c r="B586" s="15">
        <v>39377</v>
      </c>
      <c r="C586" s="18"/>
    </row>
    <row r="587" spans="1:3" x14ac:dyDescent="0.25">
      <c r="A587" s="12" t="s">
        <v>57</v>
      </c>
      <c r="B587" s="15">
        <v>39377</v>
      </c>
      <c r="C587" s="14"/>
    </row>
    <row r="588" spans="1:3" x14ac:dyDescent="0.25">
      <c r="A588" s="12" t="s">
        <v>2701</v>
      </c>
      <c r="B588" s="16">
        <v>44120</v>
      </c>
      <c r="C588" s="14"/>
    </row>
    <row r="589" spans="1:3" x14ac:dyDescent="0.25">
      <c r="A589" s="12" t="s">
        <v>2941</v>
      </c>
      <c r="B589" s="16">
        <v>44743</v>
      </c>
      <c r="C589" s="14"/>
    </row>
    <row r="590" spans="1:3" ht="45" x14ac:dyDescent="0.25">
      <c r="A590" s="12" t="s">
        <v>3179</v>
      </c>
      <c r="B590" s="13" t="s">
        <v>3180</v>
      </c>
      <c r="C590" s="14"/>
    </row>
    <row r="591" spans="1:3" x14ac:dyDescent="0.25">
      <c r="A591" s="12" t="s">
        <v>3057</v>
      </c>
      <c r="B591" s="16">
        <v>45027</v>
      </c>
      <c r="C591" s="14"/>
    </row>
    <row r="592" spans="1:3" ht="30" x14ac:dyDescent="0.25">
      <c r="A592" s="17" t="s">
        <v>115</v>
      </c>
      <c r="B592" s="15" t="s">
        <v>116</v>
      </c>
      <c r="C592" s="18"/>
    </row>
    <row r="593" spans="1:3" x14ac:dyDescent="0.25">
      <c r="A593" s="17" t="s">
        <v>103</v>
      </c>
      <c r="B593" s="15">
        <v>39657</v>
      </c>
      <c r="C593" s="18"/>
    </row>
    <row r="594" spans="1:3" x14ac:dyDescent="0.25">
      <c r="A594" s="12" t="s">
        <v>3154</v>
      </c>
      <c r="B594" s="16">
        <v>45337</v>
      </c>
      <c r="C594" s="14"/>
    </row>
    <row r="595" spans="1:3" ht="45" x14ac:dyDescent="0.25">
      <c r="A595" s="17" t="s">
        <v>537</v>
      </c>
      <c r="B595" s="15" t="s">
        <v>538</v>
      </c>
      <c r="C595" s="18"/>
    </row>
    <row r="596" spans="1:3" x14ac:dyDescent="0.25">
      <c r="A596" s="17" t="s">
        <v>1773</v>
      </c>
      <c r="B596" s="15">
        <v>42440</v>
      </c>
      <c r="C596" s="18"/>
    </row>
    <row r="597" spans="1:3" x14ac:dyDescent="0.25">
      <c r="A597" s="17" t="s">
        <v>869</v>
      </c>
      <c r="B597" s="15">
        <v>40717</v>
      </c>
      <c r="C597" s="18"/>
    </row>
    <row r="598" spans="1:3" ht="45" x14ac:dyDescent="0.25">
      <c r="A598" s="17" t="s">
        <v>22</v>
      </c>
      <c r="B598" s="15" t="s">
        <v>23</v>
      </c>
      <c r="C598" s="18"/>
    </row>
    <row r="599" spans="1:3" x14ac:dyDescent="0.25">
      <c r="A599" s="17" t="s">
        <v>1463</v>
      </c>
      <c r="B599" s="15">
        <v>41891</v>
      </c>
      <c r="C599" s="18"/>
    </row>
    <row r="600" spans="1:3" x14ac:dyDescent="0.25">
      <c r="A600" s="12" t="s">
        <v>3042</v>
      </c>
      <c r="B600" s="16">
        <v>44988</v>
      </c>
      <c r="C600" s="14"/>
    </row>
    <row r="601" spans="1:3" ht="30" x14ac:dyDescent="0.25">
      <c r="A601" s="17" t="s">
        <v>1793</v>
      </c>
      <c r="B601" s="15" t="s">
        <v>1794</v>
      </c>
      <c r="C601" s="18"/>
    </row>
    <row r="602" spans="1:3" ht="45" x14ac:dyDescent="0.25">
      <c r="A602" s="17" t="s">
        <v>1537</v>
      </c>
      <c r="B602" s="15" t="s">
        <v>1538</v>
      </c>
      <c r="C602" s="18"/>
    </row>
    <row r="603" spans="1:3" ht="45" x14ac:dyDescent="0.25">
      <c r="A603" s="12" t="s">
        <v>2415</v>
      </c>
      <c r="B603" s="15" t="s">
        <v>2416</v>
      </c>
      <c r="C603" s="14"/>
    </row>
    <row r="604" spans="1:3" x14ac:dyDescent="0.25">
      <c r="A604" s="17" t="s">
        <v>876</v>
      </c>
      <c r="B604" s="15">
        <v>40730</v>
      </c>
      <c r="C604" s="18"/>
    </row>
    <row r="605" spans="1:3" x14ac:dyDescent="0.25">
      <c r="A605" s="17" t="s">
        <v>858</v>
      </c>
      <c r="B605" s="15">
        <v>40697</v>
      </c>
      <c r="C605" s="18"/>
    </row>
    <row r="606" spans="1:3" x14ac:dyDescent="0.25">
      <c r="A606" s="12" t="s">
        <v>3187</v>
      </c>
      <c r="B606" s="16">
        <v>45464</v>
      </c>
      <c r="C606" s="14"/>
    </row>
    <row r="607" spans="1:3" x14ac:dyDescent="0.25">
      <c r="A607" s="12" t="s">
        <v>2816</v>
      </c>
      <c r="B607" s="16">
        <v>44456</v>
      </c>
      <c r="C607" s="14"/>
    </row>
    <row r="608" spans="1:3" x14ac:dyDescent="0.25">
      <c r="A608" s="17" t="s">
        <v>111</v>
      </c>
      <c r="B608" s="15">
        <v>39675</v>
      </c>
      <c r="C608" s="18"/>
    </row>
    <row r="609" spans="1:3" x14ac:dyDescent="0.25">
      <c r="A609" s="12" t="s">
        <v>2842</v>
      </c>
      <c r="B609" s="24" t="s">
        <v>2840</v>
      </c>
      <c r="C609" s="14"/>
    </row>
    <row r="610" spans="1:3" x14ac:dyDescent="0.25">
      <c r="A610" s="17" t="s">
        <v>550</v>
      </c>
      <c r="B610" s="15">
        <v>40213</v>
      </c>
      <c r="C610" s="18"/>
    </row>
    <row r="611" spans="1:3" x14ac:dyDescent="0.25">
      <c r="A611" s="17" t="s">
        <v>773</v>
      </c>
      <c r="B611" s="15">
        <v>40547</v>
      </c>
      <c r="C611" s="18"/>
    </row>
    <row r="612" spans="1:3" x14ac:dyDescent="0.25">
      <c r="A612" s="12" t="s">
        <v>2758</v>
      </c>
      <c r="B612" s="16">
        <v>44312</v>
      </c>
      <c r="C612" s="14"/>
    </row>
    <row r="613" spans="1:3" x14ac:dyDescent="0.25">
      <c r="A613" s="17" t="s">
        <v>1156</v>
      </c>
      <c r="B613" s="15">
        <v>41262</v>
      </c>
      <c r="C613" s="18"/>
    </row>
    <row r="614" spans="1:3" ht="30" x14ac:dyDescent="0.25">
      <c r="A614" s="17" t="s">
        <v>1554</v>
      </c>
      <c r="B614" s="15" t="s">
        <v>1555</v>
      </c>
      <c r="C614" s="18"/>
    </row>
    <row r="615" spans="1:3" ht="30" x14ac:dyDescent="0.25">
      <c r="A615" s="17" t="s">
        <v>60</v>
      </c>
      <c r="B615" s="15" t="s">
        <v>61</v>
      </c>
      <c r="C615" s="18"/>
    </row>
    <row r="616" spans="1:3" x14ac:dyDescent="0.25">
      <c r="A616" s="17" t="s">
        <v>301</v>
      </c>
      <c r="B616" s="15">
        <v>39919</v>
      </c>
      <c r="C616" s="18"/>
    </row>
    <row r="617" spans="1:3" x14ac:dyDescent="0.25">
      <c r="A617" s="12" t="s">
        <v>1983</v>
      </c>
      <c r="B617" s="15">
        <v>42738</v>
      </c>
      <c r="C617" s="14"/>
    </row>
    <row r="618" spans="1:3" ht="150" x14ac:dyDescent="0.25">
      <c r="A618" s="12" t="s">
        <v>2134</v>
      </c>
      <c r="B618" s="15" t="s">
        <v>2135</v>
      </c>
      <c r="C618" s="27">
        <v>45035</v>
      </c>
    </row>
    <row r="619" spans="1:3" ht="150" x14ac:dyDescent="0.25">
      <c r="A619" s="12" t="s">
        <v>2134</v>
      </c>
      <c r="B619" s="15" t="s">
        <v>2135</v>
      </c>
      <c r="C619" s="27">
        <v>45399</v>
      </c>
    </row>
    <row r="620" spans="1:3" x14ac:dyDescent="0.25">
      <c r="A620" s="17" t="s">
        <v>1522</v>
      </c>
      <c r="B620" s="15">
        <v>41987</v>
      </c>
      <c r="C620" s="18"/>
    </row>
    <row r="621" spans="1:3" ht="30" x14ac:dyDescent="0.25">
      <c r="A621" s="17" t="s">
        <v>1580</v>
      </c>
      <c r="B621" s="15">
        <v>42096</v>
      </c>
      <c r="C621" s="18"/>
    </row>
    <row r="622" spans="1:3" x14ac:dyDescent="0.25">
      <c r="A622" s="12" t="s">
        <v>2853</v>
      </c>
      <c r="B622" s="24" t="s">
        <v>2854</v>
      </c>
      <c r="C622" s="14"/>
    </row>
    <row r="623" spans="1:3" x14ac:dyDescent="0.25">
      <c r="A623" s="17" t="s">
        <v>1275</v>
      </c>
      <c r="B623" s="15">
        <v>41547</v>
      </c>
      <c r="C623" s="18"/>
    </row>
    <row r="624" spans="1:3" x14ac:dyDescent="0.25">
      <c r="A624" s="12" t="s">
        <v>3071</v>
      </c>
      <c r="B624" s="16">
        <v>45063</v>
      </c>
      <c r="C624" s="14"/>
    </row>
    <row r="625" spans="1:3" ht="30" x14ac:dyDescent="0.25">
      <c r="A625" s="12" t="s">
        <v>2027</v>
      </c>
      <c r="B625" s="15" t="s">
        <v>2028</v>
      </c>
      <c r="C625" s="14"/>
    </row>
    <row r="626" spans="1:3" x14ac:dyDescent="0.25">
      <c r="A626" s="17" t="s">
        <v>715</v>
      </c>
      <c r="B626" s="15">
        <v>40444</v>
      </c>
      <c r="C626" s="18"/>
    </row>
    <row r="627" spans="1:3" x14ac:dyDescent="0.25">
      <c r="A627" s="17" t="s">
        <v>324</v>
      </c>
      <c r="B627" s="15">
        <v>39941</v>
      </c>
      <c r="C627" s="18"/>
    </row>
    <row r="628" spans="1:3" ht="45" x14ac:dyDescent="0.25">
      <c r="A628" s="12" t="s">
        <v>2867</v>
      </c>
      <c r="B628" s="25" t="s">
        <v>2868</v>
      </c>
      <c r="C628" s="14"/>
    </row>
    <row r="629" spans="1:3" x14ac:dyDescent="0.25">
      <c r="A629" s="17" t="s">
        <v>1391</v>
      </c>
      <c r="B629" s="15">
        <v>41754</v>
      </c>
      <c r="C629" s="18"/>
    </row>
    <row r="630" spans="1:3" x14ac:dyDescent="0.25">
      <c r="A630" s="12" t="s">
        <v>2447</v>
      </c>
      <c r="B630" s="15">
        <v>43430</v>
      </c>
      <c r="C630" s="14"/>
    </row>
    <row r="631" spans="1:3" x14ac:dyDescent="0.25">
      <c r="A631" s="12" t="s">
        <v>2480</v>
      </c>
      <c r="B631" s="15">
        <v>43500</v>
      </c>
      <c r="C631" s="14"/>
    </row>
    <row r="632" spans="1:3" x14ac:dyDescent="0.25">
      <c r="A632" s="12" t="s">
        <v>2285</v>
      </c>
      <c r="B632" s="15">
        <v>43119</v>
      </c>
      <c r="C632" s="14"/>
    </row>
    <row r="633" spans="1:3" x14ac:dyDescent="0.25">
      <c r="A633" s="17" t="s">
        <v>1601</v>
      </c>
      <c r="B633" s="15">
        <v>42132</v>
      </c>
      <c r="C633" s="18"/>
    </row>
    <row r="634" spans="1:3" x14ac:dyDescent="0.25">
      <c r="A634" s="12" t="s">
        <v>3064</v>
      </c>
      <c r="B634" s="16">
        <v>45041</v>
      </c>
      <c r="C634" s="14"/>
    </row>
    <row r="635" spans="1:3" x14ac:dyDescent="0.25">
      <c r="A635" s="12" t="s">
        <v>2889</v>
      </c>
      <c r="B635" s="24" t="s">
        <v>2890</v>
      </c>
      <c r="C635" s="14"/>
    </row>
    <row r="636" spans="1:3" x14ac:dyDescent="0.25">
      <c r="A636" s="12" t="s">
        <v>2837</v>
      </c>
      <c r="B636" s="24" t="s">
        <v>2838</v>
      </c>
      <c r="C636" s="14"/>
    </row>
    <row r="637" spans="1:3" x14ac:dyDescent="0.25">
      <c r="A637" s="17" t="s">
        <v>1000</v>
      </c>
      <c r="B637" s="15">
        <v>40962</v>
      </c>
      <c r="C637" s="18"/>
    </row>
    <row r="638" spans="1:3" x14ac:dyDescent="0.25">
      <c r="A638" s="12" t="s">
        <v>2996</v>
      </c>
      <c r="B638" s="24" t="s">
        <v>2995</v>
      </c>
      <c r="C638" s="14"/>
    </row>
    <row r="639" spans="1:3" x14ac:dyDescent="0.25">
      <c r="A639" s="12" t="s">
        <v>2024</v>
      </c>
      <c r="B639" s="15">
        <v>42789</v>
      </c>
      <c r="C639" s="14"/>
    </row>
    <row r="640" spans="1:3" x14ac:dyDescent="0.25">
      <c r="A640" s="17" t="s">
        <v>31</v>
      </c>
      <c r="B640" s="15">
        <v>39041</v>
      </c>
      <c r="C640" s="18"/>
    </row>
    <row r="641" spans="1:3" ht="45" x14ac:dyDescent="0.25">
      <c r="A641" s="17" t="s">
        <v>1914</v>
      </c>
      <c r="B641" s="15" t="s">
        <v>1915</v>
      </c>
      <c r="C641" s="18"/>
    </row>
    <row r="642" spans="1:3" x14ac:dyDescent="0.25">
      <c r="A642" s="17" t="s">
        <v>1001</v>
      </c>
      <c r="B642" s="15">
        <v>40962</v>
      </c>
      <c r="C642" s="18"/>
    </row>
    <row r="643" spans="1:3" x14ac:dyDescent="0.25">
      <c r="A643" s="17" t="s">
        <v>1607</v>
      </c>
      <c r="B643" s="15">
        <v>42143</v>
      </c>
      <c r="C643" s="18"/>
    </row>
    <row r="644" spans="1:3" x14ac:dyDescent="0.25">
      <c r="A644" s="12" t="s">
        <v>2525</v>
      </c>
      <c r="B644" s="15">
        <v>43601</v>
      </c>
      <c r="C644" s="14"/>
    </row>
    <row r="645" spans="1:3" x14ac:dyDescent="0.25">
      <c r="A645" s="12" t="s">
        <v>2981</v>
      </c>
      <c r="B645" s="24" t="s">
        <v>2982</v>
      </c>
      <c r="C645" s="14"/>
    </row>
    <row r="646" spans="1:3" ht="30" x14ac:dyDescent="0.25">
      <c r="A646" s="12" t="s">
        <v>3052</v>
      </c>
      <c r="B646" s="13" t="s">
        <v>3053</v>
      </c>
      <c r="C646" s="14"/>
    </row>
    <row r="647" spans="1:3" x14ac:dyDescent="0.25">
      <c r="A647" s="12" t="s">
        <v>2400</v>
      </c>
      <c r="B647" s="15">
        <v>43342</v>
      </c>
      <c r="C647" s="14"/>
    </row>
    <row r="648" spans="1:3" x14ac:dyDescent="0.25">
      <c r="A648" s="17" t="s">
        <v>1382</v>
      </c>
      <c r="B648" s="15">
        <v>41746</v>
      </c>
      <c r="C648" s="18"/>
    </row>
    <row r="649" spans="1:3" ht="45" x14ac:dyDescent="0.25">
      <c r="A649" s="12" t="s">
        <v>2651</v>
      </c>
      <c r="B649" s="26" t="s">
        <v>2652</v>
      </c>
      <c r="C649" s="14"/>
    </row>
    <row r="650" spans="1:3" x14ac:dyDescent="0.25">
      <c r="A650" s="17" t="s">
        <v>48</v>
      </c>
      <c r="B650" s="15">
        <v>39234</v>
      </c>
      <c r="C650" s="18"/>
    </row>
    <row r="651" spans="1:3" x14ac:dyDescent="0.25">
      <c r="A651" s="12" t="s">
        <v>2276</v>
      </c>
      <c r="B651" s="15">
        <v>43108</v>
      </c>
      <c r="C651" s="14"/>
    </row>
    <row r="652" spans="1:3" ht="30" x14ac:dyDescent="0.25">
      <c r="A652" s="17" t="s">
        <v>89</v>
      </c>
      <c r="B652" s="15" t="s">
        <v>90</v>
      </c>
      <c r="C652" s="18"/>
    </row>
    <row r="653" spans="1:3" x14ac:dyDescent="0.25">
      <c r="A653" s="12" t="s">
        <v>2637</v>
      </c>
      <c r="B653" s="15">
        <v>43894</v>
      </c>
      <c r="C653" s="14"/>
    </row>
    <row r="654" spans="1:3" x14ac:dyDescent="0.25">
      <c r="A654" s="12" t="s">
        <v>2638</v>
      </c>
      <c r="B654" s="15">
        <v>43894</v>
      </c>
      <c r="C654" s="14"/>
    </row>
    <row r="655" spans="1:3" ht="45" x14ac:dyDescent="0.25">
      <c r="A655" s="12" t="s">
        <v>3076</v>
      </c>
      <c r="B655" s="13" t="s">
        <v>3077</v>
      </c>
      <c r="C655" s="14"/>
    </row>
    <row r="656" spans="1:3" x14ac:dyDescent="0.25">
      <c r="A656" s="17" t="s">
        <v>1858</v>
      </c>
      <c r="B656" s="15">
        <v>42556</v>
      </c>
      <c r="C656" s="18"/>
    </row>
    <row r="657" spans="1:3" ht="45" x14ac:dyDescent="0.25">
      <c r="A657" s="17" t="s">
        <v>2508</v>
      </c>
      <c r="B657" s="15" t="s">
        <v>2509</v>
      </c>
      <c r="C657" s="14"/>
    </row>
    <row r="658" spans="1:3" x14ac:dyDescent="0.25">
      <c r="A658" s="17" t="s">
        <v>718</v>
      </c>
      <c r="B658" s="15">
        <v>40449</v>
      </c>
      <c r="C658" s="18"/>
    </row>
    <row r="659" spans="1:3" x14ac:dyDescent="0.25">
      <c r="A659" s="17" t="s">
        <v>19</v>
      </c>
      <c r="B659" s="15">
        <v>38848</v>
      </c>
      <c r="C659" s="18"/>
    </row>
    <row r="660" spans="1:3" ht="45" x14ac:dyDescent="0.25">
      <c r="A660" s="17" t="s">
        <v>1872</v>
      </c>
      <c r="B660" s="15" t="s">
        <v>1873</v>
      </c>
      <c r="C660" s="18"/>
    </row>
    <row r="661" spans="1:3" ht="45" x14ac:dyDescent="0.25">
      <c r="A661" s="17" t="s">
        <v>1187</v>
      </c>
      <c r="B661" s="15" t="s">
        <v>1188</v>
      </c>
      <c r="C661" s="18"/>
    </row>
    <row r="662" spans="1:3" x14ac:dyDescent="0.25">
      <c r="A662" s="12" t="s">
        <v>2049</v>
      </c>
      <c r="B662" s="15">
        <v>42811</v>
      </c>
      <c r="C662" s="14"/>
    </row>
    <row r="663" spans="1:3" ht="45" x14ac:dyDescent="0.25">
      <c r="A663" s="17" t="s">
        <v>234</v>
      </c>
      <c r="B663" s="15" t="s">
        <v>235</v>
      </c>
      <c r="C663" s="18"/>
    </row>
    <row r="664" spans="1:3" ht="30" x14ac:dyDescent="0.25">
      <c r="A664" s="17" t="s">
        <v>232</v>
      </c>
      <c r="B664" s="15" t="s">
        <v>233</v>
      </c>
      <c r="C664" s="18"/>
    </row>
    <row r="665" spans="1:3" x14ac:dyDescent="0.25">
      <c r="A665" s="17" t="s">
        <v>1461</v>
      </c>
      <c r="B665" s="15">
        <v>41886</v>
      </c>
      <c r="C665" s="18"/>
    </row>
    <row r="666" spans="1:3" x14ac:dyDescent="0.25">
      <c r="A666" s="12" t="s">
        <v>2942</v>
      </c>
      <c r="B666" s="24" t="s">
        <v>2943</v>
      </c>
      <c r="C666" s="14"/>
    </row>
    <row r="667" spans="1:3" ht="45" x14ac:dyDescent="0.25">
      <c r="A667" s="12" t="s">
        <v>2195</v>
      </c>
      <c r="B667" s="15" t="s">
        <v>2196</v>
      </c>
      <c r="C667" s="14"/>
    </row>
    <row r="668" spans="1:3" ht="30" x14ac:dyDescent="0.25">
      <c r="A668" s="17" t="s">
        <v>1229</v>
      </c>
      <c r="B668" s="15">
        <v>41470</v>
      </c>
      <c r="C668" s="18"/>
    </row>
    <row r="669" spans="1:3" x14ac:dyDescent="0.25">
      <c r="A669" s="17" t="s">
        <v>102</v>
      </c>
      <c r="B669" s="15">
        <v>39640</v>
      </c>
      <c r="C669" s="18"/>
    </row>
    <row r="670" spans="1:3" x14ac:dyDescent="0.25">
      <c r="A670" s="12" t="s">
        <v>2481</v>
      </c>
      <c r="B670" s="15">
        <v>43501</v>
      </c>
      <c r="C670" s="14"/>
    </row>
    <row r="671" spans="1:3" x14ac:dyDescent="0.25">
      <c r="A671" s="17" t="s">
        <v>1037</v>
      </c>
      <c r="B671" s="15">
        <v>41053</v>
      </c>
      <c r="C671" s="18"/>
    </row>
    <row r="672" spans="1:3" x14ac:dyDescent="0.25">
      <c r="A672" s="12" t="s">
        <v>2748</v>
      </c>
      <c r="B672" s="16">
        <v>44293</v>
      </c>
      <c r="C672" s="14"/>
    </row>
    <row r="673" spans="1:3" x14ac:dyDescent="0.25">
      <c r="A673" s="17" t="s">
        <v>220</v>
      </c>
      <c r="B673" s="15">
        <v>39855</v>
      </c>
      <c r="C673" s="18"/>
    </row>
    <row r="674" spans="1:3" x14ac:dyDescent="0.25">
      <c r="A674" s="12" t="s">
        <v>2602</v>
      </c>
      <c r="B674" s="15">
        <v>43754</v>
      </c>
      <c r="C674" s="14"/>
    </row>
    <row r="675" spans="1:3" x14ac:dyDescent="0.25">
      <c r="A675" s="17" t="s">
        <v>146</v>
      </c>
      <c r="B675" s="15">
        <v>39756</v>
      </c>
      <c r="C675" s="18"/>
    </row>
    <row r="676" spans="1:3" x14ac:dyDescent="0.25">
      <c r="A676" s="17" t="s">
        <v>419</v>
      </c>
      <c r="B676" s="15">
        <v>40022</v>
      </c>
      <c r="C676" s="18"/>
    </row>
    <row r="677" spans="1:3" x14ac:dyDescent="0.25">
      <c r="A677" s="17" t="s">
        <v>431</v>
      </c>
      <c r="B677" s="15">
        <v>40039</v>
      </c>
      <c r="C677" s="18"/>
    </row>
    <row r="678" spans="1:3" x14ac:dyDescent="0.25">
      <c r="A678" s="17" t="s">
        <v>596</v>
      </c>
      <c r="B678" s="15">
        <v>40269</v>
      </c>
      <c r="C678" s="18"/>
    </row>
    <row r="679" spans="1:3" x14ac:dyDescent="0.25">
      <c r="A679" s="17" t="s">
        <v>1842</v>
      </c>
      <c r="B679" s="15">
        <v>42536</v>
      </c>
      <c r="C679" s="18"/>
    </row>
    <row r="680" spans="1:3" x14ac:dyDescent="0.25">
      <c r="A680" s="12" t="s">
        <v>2456</v>
      </c>
      <c r="B680" s="15">
        <v>43451</v>
      </c>
      <c r="C680" s="14"/>
    </row>
    <row r="681" spans="1:3" x14ac:dyDescent="0.25">
      <c r="A681" s="17" t="s">
        <v>373</v>
      </c>
      <c r="B681" s="15">
        <v>39973</v>
      </c>
      <c r="C681" s="18"/>
    </row>
    <row r="682" spans="1:3" ht="75" x14ac:dyDescent="0.25">
      <c r="A682" s="17" t="s">
        <v>1298</v>
      </c>
      <c r="B682" s="15" t="s">
        <v>1299</v>
      </c>
      <c r="C682" s="18"/>
    </row>
    <row r="683" spans="1:3" ht="30" x14ac:dyDescent="0.25">
      <c r="A683" s="12" t="s">
        <v>2011</v>
      </c>
      <c r="B683" s="15">
        <v>42779</v>
      </c>
      <c r="C683" s="14"/>
    </row>
    <row r="684" spans="1:3" x14ac:dyDescent="0.25">
      <c r="A684" s="17" t="s">
        <v>441</v>
      </c>
      <c r="B684" s="15">
        <v>40051</v>
      </c>
      <c r="C684" s="18"/>
    </row>
    <row r="685" spans="1:3" ht="45" x14ac:dyDescent="0.25">
      <c r="A685" s="17" t="s">
        <v>1660</v>
      </c>
      <c r="B685" s="15" t="s">
        <v>1661</v>
      </c>
      <c r="C685" s="18"/>
    </row>
    <row r="686" spans="1:3" x14ac:dyDescent="0.25">
      <c r="A686" s="20" t="s">
        <v>3235</v>
      </c>
      <c r="B686" s="21">
        <v>45737</v>
      </c>
      <c r="C686" s="22"/>
    </row>
    <row r="687" spans="1:3" x14ac:dyDescent="0.25">
      <c r="A687" s="17" t="s">
        <v>1470</v>
      </c>
      <c r="B687" s="15">
        <v>41897</v>
      </c>
      <c r="C687" s="18"/>
    </row>
    <row r="688" spans="1:3" x14ac:dyDescent="0.25">
      <c r="A688" s="17" t="s">
        <v>879</v>
      </c>
      <c r="B688" s="15">
        <v>40745</v>
      </c>
      <c r="C688" s="18"/>
    </row>
    <row r="689" spans="1:3" ht="30" x14ac:dyDescent="0.25">
      <c r="A689" s="17" t="s">
        <v>422</v>
      </c>
      <c r="B689" s="15">
        <v>40025</v>
      </c>
      <c r="C689" s="18"/>
    </row>
    <row r="690" spans="1:3" x14ac:dyDescent="0.25">
      <c r="A690" s="17" t="s">
        <v>461</v>
      </c>
      <c r="B690" s="15">
        <v>40073</v>
      </c>
      <c r="C690" s="18"/>
    </row>
    <row r="691" spans="1:3" x14ac:dyDescent="0.25">
      <c r="A691" s="17" t="s">
        <v>271</v>
      </c>
      <c r="B691" s="15">
        <v>39891</v>
      </c>
      <c r="C691" s="18"/>
    </row>
    <row r="692" spans="1:3" ht="30" x14ac:dyDescent="0.25">
      <c r="A692" s="17" t="s">
        <v>1762</v>
      </c>
      <c r="B692" s="15" t="s">
        <v>1763</v>
      </c>
      <c r="C692" s="18"/>
    </row>
    <row r="693" spans="1:3" x14ac:dyDescent="0.25">
      <c r="A693" s="12" t="s">
        <v>2901</v>
      </c>
      <c r="B693" s="24" t="s">
        <v>2902</v>
      </c>
      <c r="C693" s="14"/>
    </row>
    <row r="694" spans="1:3" x14ac:dyDescent="0.25">
      <c r="A694" s="12" t="s">
        <v>3133</v>
      </c>
      <c r="B694" s="16">
        <v>45261</v>
      </c>
      <c r="C694" s="14"/>
    </row>
    <row r="695" spans="1:3" ht="30" x14ac:dyDescent="0.25">
      <c r="A695" s="12" t="s">
        <v>2073</v>
      </c>
      <c r="B695" s="15" t="s">
        <v>2074</v>
      </c>
      <c r="C695" s="14"/>
    </row>
    <row r="696" spans="1:3" x14ac:dyDescent="0.25">
      <c r="A696" s="17" t="s">
        <v>1395</v>
      </c>
      <c r="B696" s="15">
        <v>41761</v>
      </c>
      <c r="C696" s="18"/>
    </row>
    <row r="697" spans="1:3" x14ac:dyDescent="0.25">
      <c r="A697" s="12" t="s">
        <v>3070</v>
      </c>
      <c r="B697" s="16">
        <v>45061</v>
      </c>
      <c r="C697" s="14"/>
    </row>
    <row r="698" spans="1:3" x14ac:dyDescent="0.25">
      <c r="A698" s="20" t="s">
        <v>3236</v>
      </c>
      <c r="B698" s="21">
        <v>45737</v>
      </c>
      <c r="C698" s="22"/>
    </row>
    <row r="699" spans="1:3" x14ac:dyDescent="0.25">
      <c r="A699" s="12" t="s">
        <v>2811</v>
      </c>
      <c r="B699" s="16" t="s">
        <v>2812</v>
      </c>
      <c r="C699" s="14"/>
    </row>
    <row r="700" spans="1:3" ht="45" x14ac:dyDescent="0.25">
      <c r="A700" s="17" t="s">
        <v>471</v>
      </c>
      <c r="B700" s="15" t="s">
        <v>472</v>
      </c>
      <c r="C700" s="18"/>
    </row>
    <row r="701" spans="1:3" x14ac:dyDescent="0.25">
      <c r="A701" s="17" t="s">
        <v>834</v>
      </c>
      <c r="B701" s="15">
        <v>40646</v>
      </c>
      <c r="C701" s="18"/>
    </row>
    <row r="702" spans="1:3" ht="45" x14ac:dyDescent="0.25">
      <c r="A702" s="12" t="s">
        <v>2518</v>
      </c>
      <c r="B702" s="15" t="s">
        <v>2519</v>
      </c>
      <c r="C702" s="14"/>
    </row>
    <row r="703" spans="1:3" x14ac:dyDescent="0.25">
      <c r="A703" s="17" t="s">
        <v>147</v>
      </c>
      <c r="B703" s="15">
        <v>39756</v>
      </c>
      <c r="C703" s="18"/>
    </row>
    <row r="704" spans="1:3" x14ac:dyDescent="0.25">
      <c r="A704" s="17" t="s">
        <v>1115</v>
      </c>
      <c r="B704" s="15">
        <v>41184</v>
      </c>
      <c r="C704" s="18"/>
    </row>
    <row r="705" spans="1:3" x14ac:dyDescent="0.25">
      <c r="A705" s="17" t="s">
        <v>374</v>
      </c>
      <c r="B705" s="15">
        <v>39973</v>
      </c>
      <c r="C705" s="18"/>
    </row>
    <row r="706" spans="1:3" x14ac:dyDescent="0.25">
      <c r="A706" s="12" t="s">
        <v>2674</v>
      </c>
      <c r="B706" s="16">
        <v>44039</v>
      </c>
      <c r="C706" s="14"/>
    </row>
    <row r="707" spans="1:3" ht="45" x14ac:dyDescent="0.25">
      <c r="A707" s="12" t="s">
        <v>3109</v>
      </c>
      <c r="B707" s="13" t="s">
        <v>3110</v>
      </c>
      <c r="C707" s="14"/>
    </row>
    <row r="708" spans="1:3" ht="45" x14ac:dyDescent="0.25">
      <c r="A708" s="17" t="s">
        <v>2494</v>
      </c>
      <c r="B708" s="15" t="s">
        <v>2495</v>
      </c>
      <c r="C708" s="14"/>
    </row>
    <row r="709" spans="1:3" ht="45" x14ac:dyDescent="0.25">
      <c r="A709" s="17" t="s">
        <v>502</v>
      </c>
      <c r="B709" s="15" t="s">
        <v>503</v>
      </c>
      <c r="C709" s="18"/>
    </row>
    <row r="710" spans="1:3" x14ac:dyDescent="0.25">
      <c r="A710" s="12" t="s">
        <v>3106</v>
      </c>
      <c r="B710" s="16">
        <v>45163</v>
      </c>
      <c r="C710" s="14"/>
    </row>
    <row r="711" spans="1:3" x14ac:dyDescent="0.25">
      <c r="A711" s="12" t="s">
        <v>2765</v>
      </c>
      <c r="B711" s="16">
        <v>44328</v>
      </c>
      <c r="C711" s="14"/>
    </row>
    <row r="712" spans="1:3" x14ac:dyDescent="0.25">
      <c r="A712" s="12" t="s">
        <v>3046</v>
      </c>
      <c r="B712" s="16">
        <v>45002</v>
      </c>
      <c r="C712" s="14"/>
    </row>
    <row r="713" spans="1:3" x14ac:dyDescent="0.25">
      <c r="A713" s="12" t="s">
        <v>2990</v>
      </c>
      <c r="B713" s="24" t="s">
        <v>2991</v>
      </c>
      <c r="C713" s="14"/>
    </row>
    <row r="714" spans="1:3" x14ac:dyDescent="0.25">
      <c r="A714" s="17" t="s">
        <v>1572</v>
      </c>
      <c r="B714" s="15">
        <v>42082</v>
      </c>
      <c r="C714" s="18"/>
    </row>
    <row r="715" spans="1:3" x14ac:dyDescent="0.25">
      <c r="A715" s="17" t="s">
        <v>474</v>
      </c>
      <c r="B715" s="15">
        <v>40088</v>
      </c>
      <c r="C715" s="18"/>
    </row>
    <row r="716" spans="1:3" ht="30" x14ac:dyDescent="0.25">
      <c r="A716" s="12" t="s">
        <v>2828</v>
      </c>
      <c r="B716" s="24" t="s">
        <v>2829</v>
      </c>
      <c r="C716" s="14"/>
    </row>
    <row r="717" spans="1:3" x14ac:dyDescent="0.25">
      <c r="A717" s="12" t="s">
        <v>2287</v>
      </c>
      <c r="B717" s="15">
        <v>43122</v>
      </c>
      <c r="C717" s="14"/>
    </row>
    <row r="718" spans="1:3" x14ac:dyDescent="0.25">
      <c r="A718" s="17" t="s">
        <v>1886</v>
      </c>
      <c r="B718" s="15">
        <v>42605</v>
      </c>
      <c r="C718" s="18"/>
    </row>
    <row r="719" spans="1:3" x14ac:dyDescent="0.25">
      <c r="A719" s="12" t="s">
        <v>1950</v>
      </c>
      <c r="B719" s="15">
        <v>42697</v>
      </c>
      <c r="C719" s="14"/>
    </row>
    <row r="720" spans="1:3" x14ac:dyDescent="0.25">
      <c r="A720" s="17" t="s">
        <v>1551</v>
      </c>
      <c r="B720" s="15">
        <v>42025</v>
      </c>
      <c r="C720" s="18"/>
    </row>
    <row r="721" spans="1:3" x14ac:dyDescent="0.25">
      <c r="A721" s="12" t="s">
        <v>2800</v>
      </c>
      <c r="B721" s="16">
        <v>44425</v>
      </c>
      <c r="C721" s="14"/>
    </row>
    <row r="722" spans="1:3" x14ac:dyDescent="0.25">
      <c r="A722" s="17" t="s">
        <v>359</v>
      </c>
      <c r="B722" s="15">
        <v>39969</v>
      </c>
      <c r="C722" s="18"/>
    </row>
    <row r="723" spans="1:3" x14ac:dyDescent="0.25">
      <c r="A723" s="17" t="s">
        <v>536</v>
      </c>
      <c r="B723" s="15">
        <v>40200</v>
      </c>
      <c r="C723" s="18"/>
    </row>
    <row r="724" spans="1:3" x14ac:dyDescent="0.25">
      <c r="A724" s="12" t="s">
        <v>3038</v>
      </c>
      <c r="B724" s="16">
        <v>44981</v>
      </c>
      <c r="C724" s="14"/>
    </row>
    <row r="725" spans="1:3" x14ac:dyDescent="0.25">
      <c r="A725" s="17" t="s">
        <v>597</v>
      </c>
      <c r="B725" s="15">
        <v>40282</v>
      </c>
      <c r="C725" s="18"/>
    </row>
    <row r="726" spans="1:3" x14ac:dyDescent="0.25">
      <c r="A726" s="17" t="s">
        <v>620</v>
      </c>
      <c r="B726" s="15">
        <v>40312</v>
      </c>
      <c r="C726" s="18"/>
    </row>
    <row r="727" spans="1:3" x14ac:dyDescent="0.25">
      <c r="A727" s="17" t="s">
        <v>1825</v>
      </c>
      <c r="B727" s="15">
        <v>42508</v>
      </c>
      <c r="C727" s="18"/>
    </row>
    <row r="728" spans="1:3" x14ac:dyDescent="0.25">
      <c r="A728" s="17" t="s">
        <v>219</v>
      </c>
      <c r="B728" s="15">
        <v>39853</v>
      </c>
      <c r="C728" s="18"/>
    </row>
    <row r="729" spans="1:3" x14ac:dyDescent="0.25">
      <c r="A729" s="17" t="s">
        <v>1227</v>
      </c>
      <c r="B729" s="15">
        <v>41460</v>
      </c>
      <c r="C729" s="18"/>
    </row>
    <row r="730" spans="1:3" x14ac:dyDescent="0.25">
      <c r="A730" s="17" t="s">
        <v>263</v>
      </c>
      <c r="B730" s="15">
        <v>39889</v>
      </c>
      <c r="C730" s="18"/>
    </row>
    <row r="731" spans="1:3" x14ac:dyDescent="0.25">
      <c r="A731" s="20" t="s">
        <v>3250</v>
      </c>
      <c r="B731" s="21">
        <v>45770</v>
      </c>
      <c r="C731" s="22"/>
    </row>
    <row r="732" spans="1:3" x14ac:dyDescent="0.25">
      <c r="A732" s="17" t="s">
        <v>1485</v>
      </c>
      <c r="B732" s="15">
        <v>41921</v>
      </c>
      <c r="C732" s="18"/>
    </row>
    <row r="733" spans="1:3" ht="45" x14ac:dyDescent="0.25">
      <c r="A733" s="17" t="s">
        <v>479</v>
      </c>
      <c r="B733" s="15" t="s">
        <v>480</v>
      </c>
      <c r="C733" s="18"/>
    </row>
    <row r="734" spans="1:3" x14ac:dyDescent="0.25">
      <c r="A734" s="12" t="s">
        <v>2326</v>
      </c>
      <c r="B734" s="15">
        <v>43207</v>
      </c>
      <c r="C734" s="14"/>
    </row>
    <row r="735" spans="1:3" x14ac:dyDescent="0.25">
      <c r="A735" s="17" t="s">
        <v>1900</v>
      </c>
      <c r="B735" s="15">
        <v>42627</v>
      </c>
      <c r="C735" s="18"/>
    </row>
    <row r="736" spans="1:3" x14ac:dyDescent="0.25">
      <c r="A736" s="12" t="s">
        <v>2974</v>
      </c>
      <c r="B736" s="24" t="s">
        <v>2975</v>
      </c>
      <c r="C736" s="14"/>
    </row>
    <row r="737" spans="1:3" x14ac:dyDescent="0.25">
      <c r="A737" s="17" t="s">
        <v>1228</v>
      </c>
      <c r="B737" s="15">
        <v>41466</v>
      </c>
      <c r="C737" s="18"/>
    </row>
    <row r="738" spans="1:3" ht="75" x14ac:dyDescent="0.25">
      <c r="A738" s="12" t="s">
        <v>2634</v>
      </c>
      <c r="B738" s="15" t="s">
        <v>2635</v>
      </c>
      <c r="C738" s="14"/>
    </row>
    <row r="739" spans="1:3" x14ac:dyDescent="0.25">
      <c r="A739" s="17" t="s">
        <v>1680</v>
      </c>
      <c r="B739" s="15">
        <v>42278</v>
      </c>
      <c r="C739" s="18"/>
    </row>
    <row r="740" spans="1:3" ht="45" x14ac:dyDescent="0.25">
      <c r="A740" s="17" t="s">
        <v>954</v>
      </c>
      <c r="B740" s="15" t="s">
        <v>955</v>
      </c>
      <c r="C740" s="18"/>
    </row>
    <row r="741" spans="1:3" ht="45" x14ac:dyDescent="0.25">
      <c r="A741" s="17" t="s">
        <v>507</v>
      </c>
      <c r="B741" s="15" t="s">
        <v>508</v>
      </c>
      <c r="C741" s="18"/>
    </row>
    <row r="742" spans="1:3" ht="30" x14ac:dyDescent="0.25">
      <c r="A742" s="12" t="s">
        <v>2483</v>
      </c>
      <c r="B742" s="15" t="s">
        <v>2484</v>
      </c>
      <c r="C742" s="14"/>
    </row>
    <row r="743" spans="1:3" x14ac:dyDescent="0.25">
      <c r="A743" s="17" t="s">
        <v>227</v>
      </c>
      <c r="B743" s="15">
        <v>39861</v>
      </c>
      <c r="C743" s="18"/>
    </row>
    <row r="744" spans="1:3" ht="45" x14ac:dyDescent="0.25">
      <c r="A744" s="17" t="s">
        <v>1366</v>
      </c>
      <c r="B744" s="15" t="s">
        <v>1367</v>
      </c>
      <c r="C744" s="18"/>
    </row>
    <row r="745" spans="1:3" x14ac:dyDescent="0.25">
      <c r="A745" s="17" t="s">
        <v>1464</v>
      </c>
      <c r="B745" s="15">
        <v>41891</v>
      </c>
      <c r="C745" s="18"/>
    </row>
    <row r="746" spans="1:3" x14ac:dyDescent="0.25">
      <c r="A746" s="17" t="s">
        <v>1015</v>
      </c>
      <c r="B746" s="15">
        <v>40998</v>
      </c>
      <c r="C746" s="18"/>
    </row>
    <row r="747" spans="1:3" x14ac:dyDescent="0.25">
      <c r="A747" s="17" t="s">
        <v>767</v>
      </c>
      <c r="B747" s="15">
        <v>40542</v>
      </c>
      <c r="C747" s="18"/>
    </row>
    <row r="748" spans="1:3" x14ac:dyDescent="0.25">
      <c r="A748" s="17" t="s">
        <v>225</v>
      </c>
      <c r="B748" s="15">
        <v>39856</v>
      </c>
      <c r="C748" s="18"/>
    </row>
    <row r="749" spans="1:3" x14ac:dyDescent="0.25">
      <c r="A749" s="17" t="s">
        <v>332</v>
      </c>
      <c r="B749" s="15">
        <v>39948</v>
      </c>
      <c r="C749" s="18"/>
    </row>
    <row r="750" spans="1:3" x14ac:dyDescent="0.25">
      <c r="A750" s="12" t="s">
        <v>3066</v>
      </c>
      <c r="B750" s="16">
        <v>45048</v>
      </c>
      <c r="C750" s="14"/>
    </row>
    <row r="751" spans="1:3" x14ac:dyDescent="0.25">
      <c r="A751" s="12" t="s">
        <v>3114</v>
      </c>
      <c r="B751" s="16">
        <v>45176</v>
      </c>
      <c r="C751" s="14"/>
    </row>
    <row r="752" spans="1:3" x14ac:dyDescent="0.25">
      <c r="A752" s="17" t="s">
        <v>1573</v>
      </c>
      <c r="B752" s="15">
        <v>42082</v>
      </c>
      <c r="C752" s="18"/>
    </row>
    <row r="753" spans="1:3" x14ac:dyDescent="0.25">
      <c r="A753" s="12" t="s">
        <v>3069</v>
      </c>
      <c r="B753" s="16">
        <v>45061</v>
      </c>
      <c r="C753" s="14"/>
    </row>
    <row r="754" spans="1:3" x14ac:dyDescent="0.25">
      <c r="A754" s="12" t="s">
        <v>3088</v>
      </c>
      <c r="B754" s="16">
        <v>45099</v>
      </c>
      <c r="C754" s="14"/>
    </row>
    <row r="755" spans="1:3" x14ac:dyDescent="0.25">
      <c r="A755" s="17" t="s">
        <v>1542</v>
      </c>
      <c r="B755" s="15">
        <v>42013</v>
      </c>
      <c r="C755" s="18"/>
    </row>
    <row r="756" spans="1:3" x14ac:dyDescent="0.25">
      <c r="A756" s="12" t="s">
        <v>2735</v>
      </c>
      <c r="B756" s="16">
        <v>44253</v>
      </c>
      <c r="C756" s="14"/>
    </row>
    <row r="757" spans="1:3" x14ac:dyDescent="0.25">
      <c r="A757" s="17" t="s">
        <v>266</v>
      </c>
      <c r="B757" s="15">
        <v>39889</v>
      </c>
      <c r="C757" s="18"/>
    </row>
    <row r="758" spans="1:3" ht="45" x14ac:dyDescent="0.25">
      <c r="A758" s="12" t="s">
        <v>2008</v>
      </c>
      <c r="B758" s="15" t="s">
        <v>2009</v>
      </c>
      <c r="C758" s="14"/>
    </row>
    <row r="759" spans="1:3" x14ac:dyDescent="0.25">
      <c r="A759" s="12" t="s">
        <v>3098</v>
      </c>
      <c r="B759" s="16">
        <v>45124</v>
      </c>
      <c r="C759" s="14"/>
    </row>
    <row r="760" spans="1:3" x14ac:dyDescent="0.25">
      <c r="A760" s="12" t="s">
        <v>2607</v>
      </c>
      <c r="B760" s="15">
        <v>43770</v>
      </c>
      <c r="C760" s="14"/>
    </row>
    <row r="761" spans="1:3" ht="30" x14ac:dyDescent="0.25">
      <c r="A761" s="17" t="s">
        <v>1306</v>
      </c>
      <c r="B761" s="15" t="s">
        <v>1307</v>
      </c>
      <c r="C761" s="18"/>
    </row>
    <row r="762" spans="1:3" x14ac:dyDescent="0.25">
      <c r="A762" s="17" t="s">
        <v>1696</v>
      </c>
      <c r="B762" s="15">
        <v>42304</v>
      </c>
      <c r="C762" s="18"/>
    </row>
    <row r="763" spans="1:3" ht="30" x14ac:dyDescent="0.25">
      <c r="A763" s="17" t="s">
        <v>1396</v>
      </c>
      <c r="B763" s="15">
        <v>41767</v>
      </c>
      <c r="C763" s="18"/>
    </row>
    <row r="764" spans="1:3" x14ac:dyDescent="0.25">
      <c r="A764" s="12" t="s">
        <v>2189</v>
      </c>
      <c r="B764" s="15">
        <v>43003</v>
      </c>
      <c r="C764" s="14"/>
    </row>
    <row r="765" spans="1:3" x14ac:dyDescent="0.25">
      <c r="A765" s="17" t="s">
        <v>591</v>
      </c>
      <c r="B765" s="15">
        <v>40269</v>
      </c>
      <c r="C765" s="18"/>
    </row>
    <row r="766" spans="1:3" x14ac:dyDescent="0.25">
      <c r="A766" s="12" t="s">
        <v>2419</v>
      </c>
      <c r="B766" s="15">
        <v>43371</v>
      </c>
      <c r="C766" s="14"/>
    </row>
    <row r="767" spans="1:3" x14ac:dyDescent="0.25">
      <c r="A767" s="12" t="s">
        <v>2916</v>
      </c>
      <c r="B767" s="24" t="s">
        <v>2917</v>
      </c>
      <c r="C767" s="14"/>
    </row>
    <row r="768" spans="1:3" x14ac:dyDescent="0.25">
      <c r="A768" s="12" t="s">
        <v>3181</v>
      </c>
      <c r="B768" s="16">
        <v>45463</v>
      </c>
      <c r="C768" s="14"/>
    </row>
    <row r="769" spans="1:3" ht="30" x14ac:dyDescent="0.25">
      <c r="A769" s="12" t="s">
        <v>2141</v>
      </c>
      <c r="B769" s="15" t="s">
        <v>2142</v>
      </c>
      <c r="C769" s="14"/>
    </row>
    <row r="770" spans="1:3" x14ac:dyDescent="0.25">
      <c r="A770" s="17" t="s">
        <v>1422</v>
      </c>
      <c r="B770" s="15">
        <v>41814</v>
      </c>
      <c r="C770" s="18"/>
    </row>
    <row r="771" spans="1:3" x14ac:dyDescent="0.25">
      <c r="A771" s="12" t="s">
        <v>2788</v>
      </c>
      <c r="B771" s="16">
        <v>44392</v>
      </c>
      <c r="C771" s="14"/>
    </row>
    <row r="772" spans="1:3" ht="30" x14ac:dyDescent="0.25">
      <c r="A772" s="17" t="s">
        <v>1808</v>
      </c>
      <c r="B772" s="15">
        <v>42488</v>
      </c>
      <c r="C772" s="18"/>
    </row>
    <row r="773" spans="1:3" x14ac:dyDescent="0.25">
      <c r="A773" s="12" t="s">
        <v>3072</v>
      </c>
      <c r="B773" s="16">
        <v>45064</v>
      </c>
      <c r="C773" s="14"/>
    </row>
    <row r="774" spans="1:3" ht="45" x14ac:dyDescent="0.25">
      <c r="A774" s="12" t="s">
        <v>2213</v>
      </c>
      <c r="B774" s="15" t="s">
        <v>2214</v>
      </c>
      <c r="C774" s="14"/>
    </row>
    <row r="775" spans="1:3" ht="60" x14ac:dyDescent="0.25">
      <c r="A775" s="12" t="s">
        <v>2862</v>
      </c>
      <c r="B775" s="24" t="s">
        <v>2861</v>
      </c>
      <c r="C775" s="27">
        <v>44537</v>
      </c>
    </row>
    <row r="776" spans="1:3" x14ac:dyDescent="0.25">
      <c r="A776" s="12" t="s">
        <v>2891</v>
      </c>
      <c r="B776" s="24" t="s">
        <v>2892</v>
      </c>
      <c r="C776" s="14"/>
    </row>
    <row r="777" spans="1:3" x14ac:dyDescent="0.25">
      <c r="A777" s="17" t="s">
        <v>969</v>
      </c>
      <c r="B777" s="15">
        <v>40926</v>
      </c>
      <c r="C777" s="18"/>
    </row>
    <row r="778" spans="1:3" x14ac:dyDescent="0.25">
      <c r="A778" s="12" t="s">
        <v>2806</v>
      </c>
      <c r="B778" s="16">
        <v>44433</v>
      </c>
      <c r="C778" s="14"/>
    </row>
    <row r="779" spans="1:3" x14ac:dyDescent="0.25">
      <c r="A779" s="12" t="s">
        <v>2568</v>
      </c>
      <c r="B779" s="15">
        <v>43664</v>
      </c>
      <c r="C779" s="14"/>
    </row>
    <row r="780" spans="1:3" x14ac:dyDescent="0.25">
      <c r="A780" s="12" t="s">
        <v>2340</v>
      </c>
      <c r="B780" s="15">
        <v>43229</v>
      </c>
      <c r="C780" s="14"/>
    </row>
    <row r="781" spans="1:3" x14ac:dyDescent="0.25">
      <c r="A781" s="12" t="s">
        <v>2143</v>
      </c>
      <c r="B781" s="15">
        <v>42937</v>
      </c>
      <c r="C781" s="14"/>
    </row>
    <row r="782" spans="1:3" x14ac:dyDescent="0.25">
      <c r="A782" s="17" t="s">
        <v>818</v>
      </c>
      <c r="B782" s="15">
        <v>40616</v>
      </c>
      <c r="C782" s="18"/>
    </row>
    <row r="783" spans="1:3" x14ac:dyDescent="0.25">
      <c r="A783" s="12" t="s">
        <v>3087</v>
      </c>
      <c r="B783" s="16">
        <v>45098</v>
      </c>
      <c r="C783" s="14"/>
    </row>
    <row r="784" spans="1:3" ht="30" x14ac:dyDescent="0.25">
      <c r="A784" s="12" t="s">
        <v>2012</v>
      </c>
      <c r="B784" s="15" t="s">
        <v>2013</v>
      </c>
      <c r="C784" s="14"/>
    </row>
    <row r="785" spans="1:3" x14ac:dyDescent="0.25">
      <c r="A785" s="12" t="s">
        <v>2366</v>
      </c>
      <c r="B785" s="15">
        <v>43280</v>
      </c>
      <c r="C785" s="14"/>
    </row>
    <row r="786" spans="1:3" x14ac:dyDescent="0.25">
      <c r="A786" s="12" t="s">
        <v>2107</v>
      </c>
      <c r="B786" s="15">
        <v>42885</v>
      </c>
      <c r="C786" s="14"/>
    </row>
    <row r="787" spans="1:3" x14ac:dyDescent="0.25">
      <c r="A787" s="12" t="s">
        <v>2269</v>
      </c>
      <c r="B787" s="15">
        <v>43096</v>
      </c>
      <c r="C787" s="14"/>
    </row>
    <row r="788" spans="1:3" x14ac:dyDescent="0.25">
      <c r="A788" s="17" t="s">
        <v>663</v>
      </c>
      <c r="B788" s="15">
        <v>40361</v>
      </c>
      <c r="C788" s="18"/>
    </row>
    <row r="789" spans="1:3" ht="45" x14ac:dyDescent="0.25">
      <c r="A789" s="12" t="s">
        <v>2530</v>
      </c>
      <c r="B789" s="15" t="s">
        <v>2531</v>
      </c>
      <c r="C789" s="14"/>
    </row>
    <row r="790" spans="1:3" ht="45" x14ac:dyDescent="0.25">
      <c r="A790" s="17" t="s">
        <v>1692</v>
      </c>
      <c r="B790" s="15" t="s">
        <v>1693</v>
      </c>
      <c r="C790" s="18"/>
    </row>
    <row r="791" spans="1:3" x14ac:dyDescent="0.25">
      <c r="A791" s="17" t="s">
        <v>864</v>
      </c>
      <c r="B791" s="15">
        <v>40709</v>
      </c>
      <c r="C791" s="18"/>
    </row>
    <row r="792" spans="1:3" x14ac:dyDescent="0.25">
      <c r="A792" s="12" t="s">
        <v>3112</v>
      </c>
      <c r="B792" s="16">
        <v>45174</v>
      </c>
      <c r="C792" s="14"/>
    </row>
    <row r="793" spans="1:3" x14ac:dyDescent="0.25">
      <c r="A793" s="20" t="s">
        <v>3233</v>
      </c>
      <c r="B793" s="21">
        <v>45726</v>
      </c>
      <c r="C793" s="22"/>
    </row>
    <row r="794" spans="1:3" ht="30" x14ac:dyDescent="0.25">
      <c r="A794" s="12" t="s">
        <v>2067</v>
      </c>
      <c r="B794" s="15" t="s">
        <v>2068</v>
      </c>
      <c r="C794" s="14"/>
    </row>
    <row r="795" spans="1:3" x14ac:dyDescent="0.25">
      <c r="A795" s="17" t="s">
        <v>299</v>
      </c>
      <c r="B795" s="15">
        <v>39917</v>
      </c>
      <c r="C795" s="18"/>
    </row>
    <row r="796" spans="1:3" x14ac:dyDescent="0.25">
      <c r="A796" s="12" t="s">
        <v>2929</v>
      </c>
      <c r="B796" s="24" t="s">
        <v>2930</v>
      </c>
      <c r="C796" s="14"/>
    </row>
    <row r="797" spans="1:3" x14ac:dyDescent="0.25">
      <c r="A797" s="12" t="s">
        <v>3113</v>
      </c>
      <c r="B797" s="16">
        <v>45176</v>
      </c>
      <c r="C797" s="14"/>
    </row>
    <row r="798" spans="1:3" ht="30" x14ac:dyDescent="0.25">
      <c r="A798" s="17" t="s">
        <v>490</v>
      </c>
      <c r="B798" s="15">
        <v>40116</v>
      </c>
      <c r="C798" s="18"/>
    </row>
    <row r="799" spans="1:3" ht="30" x14ac:dyDescent="0.25">
      <c r="A799" s="17" t="s">
        <v>356</v>
      </c>
      <c r="B799" s="15" t="s">
        <v>357</v>
      </c>
      <c r="C799" s="18"/>
    </row>
    <row r="800" spans="1:3" x14ac:dyDescent="0.25">
      <c r="A800" s="12" t="s">
        <v>1935</v>
      </c>
      <c r="B800" s="15">
        <v>42677</v>
      </c>
      <c r="C800" s="18"/>
    </row>
    <row r="801" spans="1:3" x14ac:dyDescent="0.25">
      <c r="A801" s="12" t="s">
        <v>2235</v>
      </c>
      <c r="B801" s="15">
        <v>43052</v>
      </c>
      <c r="C801" s="14"/>
    </row>
    <row r="802" spans="1:3" x14ac:dyDescent="0.25">
      <c r="A802" s="20" t="s">
        <v>3240</v>
      </c>
      <c r="B802" s="21">
        <v>45743</v>
      </c>
      <c r="C802" s="22"/>
    </row>
    <row r="803" spans="1:3" x14ac:dyDescent="0.25">
      <c r="A803" s="12" t="s">
        <v>3032</v>
      </c>
      <c r="B803" s="16">
        <v>44964</v>
      </c>
      <c r="C803" s="14"/>
    </row>
    <row r="804" spans="1:3" ht="45" x14ac:dyDescent="0.25">
      <c r="A804" s="17" t="s">
        <v>1084</v>
      </c>
      <c r="B804" s="15" t="s">
        <v>1085</v>
      </c>
      <c r="C804" s="18"/>
    </row>
    <row r="805" spans="1:3" x14ac:dyDescent="0.25">
      <c r="A805" s="17" t="s">
        <v>1524</v>
      </c>
      <c r="B805" s="15">
        <v>41990</v>
      </c>
      <c r="C805" s="18"/>
    </row>
    <row r="806" spans="1:3" x14ac:dyDescent="0.25">
      <c r="A806" s="12" t="s">
        <v>3163</v>
      </c>
      <c r="B806" s="16">
        <v>45387</v>
      </c>
      <c r="C806" s="14"/>
    </row>
    <row r="807" spans="1:3" x14ac:dyDescent="0.25">
      <c r="A807" s="17" t="s">
        <v>1695</v>
      </c>
      <c r="B807" s="15">
        <v>42304</v>
      </c>
      <c r="C807" s="18"/>
    </row>
    <row r="808" spans="1:3" x14ac:dyDescent="0.25">
      <c r="A808" s="17" t="s">
        <v>593</v>
      </c>
      <c r="B808" s="15">
        <v>40269</v>
      </c>
      <c r="C808" s="18"/>
    </row>
    <row r="809" spans="1:3" x14ac:dyDescent="0.25">
      <c r="A809" s="12" t="s">
        <v>3158</v>
      </c>
      <c r="B809" s="16">
        <v>45359</v>
      </c>
      <c r="C809" s="14"/>
    </row>
    <row r="810" spans="1:3" x14ac:dyDescent="0.25">
      <c r="A810" s="12" t="s">
        <v>2573</v>
      </c>
      <c r="B810" s="15">
        <v>43686</v>
      </c>
      <c r="C810" s="14"/>
    </row>
    <row r="811" spans="1:3" x14ac:dyDescent="0.25">
      <c r="A811" s="12" t="s">
        <v>2439</v>
      </c>
      <c r="B811" s="15">
        <v>43405</v>
      </c>
      <c r="C811" s="14"/>
    </row>
    <row r="812" spans="1:3" ht="60" x14ac:dyDescent="0.25">
      <c r="A812" s="12" t="s">
        <v>2790</v>
      </c>
      <c r="B812" s="13" t="s">
        <v>2791</v>
      </c>
      <c r="C812" s="32">
        <v>45932</v>
      </c>
    </row>
    <row r="813" spans="1:3" ht="45" x14ac:dyDescent="0.25">
      <c r="A813" s="12" t="s">
        <v>1962</v>
      </c>
      <c r="B813" s="15" t="s">
        <v>1963</v>
      </c>
      <c r="C813" s="14"/>
    </row>
    <row r="814" spans="1:3" x14ac:dyDescent="0.25">
      <c r="A814" s="12" t="s">
        <v>2265</v>
      </c>
      <c r="B814" s="15">
        <v>43084</v>
      </c>
      <c r="C814" s="14"/>
    </row>
    <row r="815" spans="1:3" ht="60" x14ac:dyDescent="0.25">
      <c r="A815" s="12" t="s">
        <v>2436</v>
      </c>
      <c r="B815" s="15" t="s">
        <v>2437</v>
      </c>
      <c r="C815" s="32">
        <v>45797</v>
      </c>
    </row>
    <row r="816" spans="1:3" ht="60" x14ac:dyDescent="0.25">
      <c r="A816" s="12" t="s">
        <v>2438</v>
      </c>
      <c r="B816" s="15" t="s">
        <v>2437</v>
      </c>
      <c r="C816" s="32">
        <v>45797</v>
      </c>
    </row>
    <row r="817" spans="1:3" x14ac:dyDescent="0.25">
      <c r="A817" s="17" t="s">
        <v>1450</v>
      </c>
      <c r="B817" s="15">
        <v>41866</v>
      </c>
      <c r="C817" s="18"/>
    </row>
    <row r="818" spans="1:3" x14ac:dyDescent="0.25">
      <c r="A818" s="17" t="s">
        <v>953</v>
      </c>
      <c r="B818" s="15">
        <v>40904</v>
      </c>
      <c r="C818" s="18"/>
    </row>
    <row r="819" spans="1:3" x14ac:dyDescent="0.25">
      <c r="A819" s="17" t="s">
        <v>1530</v>
      </c>
      <c r="B819" s="15">
        <v>42003</v>
      </c>
      <c r="C819" s="18"/>
    </row>
    <row r="820" spans="1:3" x14ac:dyDescent="0.25">
      <c r="A820" s="17" t="s">
        <v>1224</v>
      </c>
      <c r="B820" s="15">
        <v>41453</v>
      </c>
      <c r="C820" s="18"/>
    </row>
    <row r="821" spans="1:3" x14ac:dyDescent="0.25">
      <c r="A821" s="12" t="s">
        <v>2747</v>
      </c>
      <c r="B821" s="16">
        <v>44292</v>
      </c>
      <c r="C821" s="14"/>
    </row>
    <row r="822" spans="1:3" x14ac:dyDescent="0.25">
      <c r="A822" s="17" t="s">
        <v>1126</v>
      </c>
      <c r="B822" s="15" t="s">
        <v>1127</v>
      </c>
      <c r="C822" s="18"/>
    </row>
    <row r="823" spans="1:3" x14ac:dyDescent="0.25">
      <c r="A823" s="17" t="s">
        <v>795</v>
      </c>
      <c r="B823" s="15">
        <v>40582</v>
      </c>
      <c r="C823" s="18"/>
    </row>
    <row r="824" spans="1:3" ht="30" x14ac:dyDescent="0.25">
      <c r="A824" s="17" t="s">
        <v>1289</v>
      </c>
      <c r="B824" s="15" t="s">
        <v>1290</v>
      </c>
      <c r="C824" s="18"/>
    </row>
    <row r="825" spans="1:3" x14ac:dyDescent="0.25">
      <c r="A825" s="17" t="s">
        <v>1099</v>
      </c>
      <c r="B825" s="15">
        <v>41151</v>
      </c>
      <c r="C825" s="18"/>
    </row>
    <row r="826" spans="1:3" x14ac:dyDescent="0.25">
      <c r="A826" s="20" t="s">
        <v>3285</v>
      </c>
      <c r="B826" s="21">
        <v>45973</v>
      </c>
      <c r="C826" s="22"/>
    </row>
    <row r="827" spans="1:3" x14ac:dyDescent="0.25">
      <c r="A827" s="12" t="s">
        <v>2561</v>
      </c>
      <c r="B827" s="15">
        <v>43650</v>
      </c>
      <c r="C827" s="14"/>
    </row>
    <row r="828" spans="1:3" ht="45" x14ac:dyDescent="0.25">
      <c r="A828" s="17" t="s">
        <v>1026</v>
      </c>
      <c r="B828" s="15" t="s">
        <v>1027</v>
      </c>
      <c r="C828" s="18"/>
    </row>
    <row r="829" spans="1:3" x14ac:dyDescent="0.25">
      <c r="A829" s="12" t="s">
        <v>1965</v>
      </c>
      <c r="B829" s="15">
        <v>42712</v>
      </c>
      <c r="C829" s="14"/>
    </row>
    <row r="830" spans="1:3" x14ac:dyDescent="0.25">
      <c r="A830" s="17" t="s">
        <v>640</v>
      </c>
      <c r="B830" s="15">
        <v>40331</v>
      </c>
      <c r="C830" s="18"/>
    </row>
    <row r="831" spans="1:3" x14ac:dyDescent="0.25">
      <c r="A831" s="17" t="s">
        <v>241</v>
      </c>
      <c r="B831" s="15">
        <v>39877</v>
      </c>
      <c r="C831" s="18"/>
    </row>
    <row r="832" spans="1:3" x14ac:dyDescent="0.25">
      <c r="A832" s="17" t="s">
        <v>1010</v>
      </c>
      <c r="B832" s="15">
        <v>40975</v>
      </c>
      <c r="C832" s="18"/>
    </row>
    <row r="833" spans="1:3" x14ac:dyDescent="0.25">
      <c r="A833" s="17" t="s">
        <v>1009</v>
      </c>
      <c r="B833" s="15">
        <v>40975</v>
      </c>
      <c r="C833" s="18"/>
    </row>
    <row r="834" spans="1:3" ht="45" x14ac:dyDescent="0.25">
      <c r="A834" s="17" t="s">
        <v>1908</v>
      </c>
      <c r="B834" s="15" t="s">
        <v>1909</v>
      </c>
      <c r="C834" s="18"/>
    </row>
    <row r="835" spans="1:3" x14ac:dyDescent="0.25">
      <c r="A835" s="12" t="s">
        <v>2664</v>
      </c>
      <c r="B835" s="16">
        <v>44020</v>
      </c>
      <c r="C835" s="14"/>
    </row>
    <row r="836" spans="1:3" x14ac:dyDescent="0.25">
      <c r="A836" s="17" t="s">
        <v>470</v>
      </c>
      <c r="B836" s="15">
        <v>40081</v>
      </c>
      <c r="C836" s="18"/>
    </row>
    <row r="837" spans="1:3" x14ac:dyDescent="0.25">
      <c r="A837" s="17" t="s">
        <v>897</v>
      </c>
      <c r="B837" s="15">
        <v>40798</v>
      </c>
      <c r="C837" s="18"/>
    </row>
    <row r="838" spans="1:3" x14ac:dyDescent="0.25">
      <c r="A838" s="12" t="s">
        <v>2583</v>
      </c>
      <c r="B838" s="15">
        <v>43712</v>
      </c>
      <c r="C838" s="14"/>
    </row>
    <row r="839" spans="1:3" x14ac:dyDescent="0.25">
      <c r="A839" s="12" t="s">
        <v>2089</v>
      </c>
      <c r="B839" s="15">
        <v>42859</v>
      </c>
      <c r="C839" s="14"/>
    </row>
    <row r="840" spans="1:3" ht="30" x14ac:dyDescent="0.25">
      <c r="A840" s="17" t="s">
        <v>604</v>
      </c>
      <c r="B840" s="15" t="s">
        <v>605</v>
      </c>
      <c r="C840" s="18"/>
    </row>
    <row r="841" spans="1:3" x14ac:dyDescent="0.25">
      <c r="A841" s="17" t="s">
        <v>1677</v>
      </c>
      <c r="B841" s="15">
        <v>42277</v>
      </c>
      <c r="C841" s="18"/>
    </row>
    <row r="842" spans="1:3" x14ac:dyDescent="0.25">
      <c r="A842" s="17" t="s">
        <v>381</v>
      </c>
      <c r="B842" s="15">
        <v>39980</v>
      </c>
      <c r="C842" s="18"/>
    </row>
    <row r="843" spans="1:3" x14ac:dyDescent="0.25">
      <c r="A843" s="17" t="s">
        <v>1180</v>
      </c>
      <c r="B843" s="15">
        <v>41317</v>
      </c>
      <c r="C843" s="18"/>
    </row>
    <row r="844" spans="1:3" x14ac:dyDescent="0.25">
      <c r="A844" s="17" t="s">
        <v>1811</v>
      </c>
      <c r="B844" s="15">
        <v>42489</v>
      </c>
      <c r="C844" s="18"/>
    </row>
    <row r="845" spans="1:3" x14ac:dyDescent="0.25">
      <c r="A845" s="17" t="s">
        <v>813</v>
      </c>
      <c r="B845" s="15">
        <v>40609</v>
      </c>
      <c r="C845" s="18"/>
    </row>
    <row r="846" spans="1:3" x14ac:dyDescent="0.25">
      <c r="A846" s="12" t="s">
        <v>2978</v>
      </c>
      <c r="B846" s="24" t="s">
        <v>2979</v>
      </c>
      <c r="C846" s="14"/>
    </row>
    <row r="847" spans="1:3" x14ac:dyDescent="0.25">
      <c r="A847" s="17" t="s">
        <v>298</v>
      </c>
      <c r="B847" s="15">
        <v>39912</v>
      </c>
      <c r="C847" s="18"/>
    </row>
    <row r="848" spans="1:3" x14ac:dyDescent="0.25">
      <c r="A848" s="12" t="s">
        <v>2077</v>
      </c>
      <c r="B848" s="15">
        <v>42842</v>
      </c>
      <c r="C848" s="14"/>
    </row>
    <row r="849" spans="1:3" x14ac:dyDescent="0.25">
      <c r="A849" s="17" t="s">
        <v>274</v>
      </c>
      <c r="B849" s="15">
        <v>39897</v>
      </c>
      <c r="C849" s="18"/>
    </row>
    <row r="850" spans="1:3" ht="75" x14ac:dyDescent="0.25">
      <c r="A850" s="17" t="s">
        <v>392</v>
      </c>
      <c r="B850" s="15" t="s">
        <v>393</v>
      </c>
      <c r="C850" s="27">
        <v>43095</v>
      </c>
    </row>
    <row r="851" spans="1:3" x14ac:dyDescent="0.25">
      <c r="A851" s="12" t="s">
        <v>2646</v>
      </c>
      <c r="B851" s="15">
        <v>43965</v>
      </c>
      <c r="C851" s="14"/>
    </row>
    <row r="852" spans="1:3" ht="75" x14ac:dyDescent="0.25">
      <c r="A852" s="17" t="s">
        <v>394</v>
      </c>
      <c r="B852" s="15" t="s">
        <v>393</v>
      </c>
      <c r="C852" s="27">
        <v>43095</v>
      </c>
    </row>
    <row r="853" spans="1:3" x14ac:dyDescent="0.25">
      <c r="A853" s="12" t="s">
        <v>2270</v>
      </c>
      <c r="B853" s="15">
        <v>43102</v>
      </c>
      <c r="C853" s="14"/>
    </row>
    <row r="854" spans="1:3" x14ac:dyDescent="0.25">
      <c r="A854" s="12" t="s">
        <v>2393</v>
      </c>
      <c r="B854" s="15">
        <v>43334</v>
      </c>
      <c r="C854" s="14"/>
    </row>
    <row r="855" spans="1:3" ht="60" x14ac:dyDescent="0.25">
      <c r="A855" s="17" t="s">
        <v>125</v>
      </c>
      <c r="B855" s="15" t="s">
        <v>126</v>
      </c>
      <c r="C855" s="18"/>
    </row>
    <row r="856" spans="1:3" x14ac:dyDescent="0.25">
      <c r="A856" s="17" t="s">
        <v>1664</v>
      </c>
      <c r="B856" s="15">
        <v>42259</v>
      </c>
      <c r="C856" s="18"/>
    </row>
    <row r="857" spans="1:3" x14ac:dyDescent="0.25">
      <c r="A857" s="17" t="s">
        <v>599</v>
      </c>
      <c r="B857" s="15" t="s">
        <v>600</v>
      </c>
      <c r="C857" s="18"/>
    </row>
    <row r="858" spans="1:3" x14ac:dyDescent="0.25">
      <c r="A858" s="12" t="s">
        <v>1951</v>
      </c>
      <c r="B858" s="15">
        <v>42697</v>
      </c>
      <c r="C858" s="14"/>
    </row>
    <row r="859" spans="1:3" x14ac:dyDescent="0.25">
      <c r="A859" s="17" t="s">
        <v>1296</v>
      </c>
      <c r="B859" s="15">
        <v>41593</v>
      </c>
      <c r="C859" s="18"/>
    </row>
    <row r="860" spans="1:3" x14ac:dyDescent="0.25">
      <c r="A860" s="17" t="s">
        <v>1018</v>
      </c>
      <c r="B860" s="15">
        <v>41001</v>
      </c>
      <c r="C860" s="18"/>
    </row>
    <row r="861" spans="1:3" x14ac:dyDescent="0.25">
      <c r="A861" s="17" t="s">
        <v>1702</v>
      </c>
      <c r="B861" s="15">
        <v>42313</v>
      </c>
      <c r="C861" s="18"/>
    </row>
    <row r="862" spans="1:3" ht="45" x14ac:dyDescent="0.25">
      <c r="A862" s="17" t="s">
        <v>104</v>
      </c>
      <c r="B862" s="15" t="s">
        <v>105</v>
      </c>
      <c r="C862" s="18"/>
    </row>
    <row r="863" spans="1:3" x14ac:dyDescent="0.25">
      <c r="A863" s="17" t="s">
        <v>311</v>
      </c>
      <c r="B863" s="15">
        <v>39927</v>
      </c>
      <c r="C863" s="18"/>
    </row>
    <row r="864" spans="1:3" x14ac:dyDescent="0.25">
      <c r="A864" s="12" t="s">
        <v>3196</v>
      </c>
      <c r="B864" s="24" t="s">
        <v>3197</v>
      </c>
      <c r="C864" s="14"/>
    </row>
    <row r="865" spans="1:3" x14ac:dyDescent="0.25">
      <c r="A865" s="12" t="s">
        <v>3198</v>
      </c>
      <c r="B865" s="24" t="s">
        <v>3197</v>
      </c>
      <c r="C865" s="14"/>
    </row>
    <row r="866" spans="1:3" ht="75" x14ac:dyDescent="0.25">
      <c r="A866" s="12" t="s">
        <v>2963</v>
      </c>
      <c r="B866" s="25" t="s">
        <v>2964</v>
      </c>
      <c r="C866" s="37">
        <v>44797</v>
      </c>
    </row>
    <row r="867" spans="1:3" ht="75" x14ac:dyDescent="0.25">
      <c r="A867" s="12" t="s">
        <v>2963</v>
      </c>
      <c r="B867" s="25" t="s">
        <v>2965</v>
      </c>
      <c r="C867" s="27">
        <v>45299</v>
      </c>
    </row>
    <row r="868" spans="1:3" x14ac:dyDescent="0.25">
      <c r="A868" s="17" t="s">
        <v>1697</v>
      </c>
      <c r="B868" s="15">
        <v>42305</v>
      </c>
      <c r="C868" s="18"/>
    </row>
    <row r="869" spans="1:3" x14ac:dyDescent="0.25">
      <c r="A869" s="17" t="s">
        <v>513</v>
      </c>
      <c r="B869" s="15">
        <v>40151</v>
      </c>
      <c r="C869" s="18"/>
    </row>
    <row r="870" spans="1:3" x14ac:dyDescent="0.25">
      <c r="A870" s="17" t="s">
        <v>501</v>
      </c>
      <c r="B870" s="15">
        <v>40133</v>
      </c>
      <c r="C870" s="18"/>
    </row>
    <row r="871" spans="1:3" x14ac:dyDescent="0.25">
      <c r="A871" s="12" t="s">
        <v>2341</v>
      </c>
      <c r="B871" s="15">
        <v>43231</v>
      </c>
      <c r="C871" s="14"/>
    </row>
    <row r="872" spans="1:3" x14ac:dyDescent="0.25">
      <c r="A872" s="12" t="s">
        <v>2860</v>
      </c>
      <c r="B872" s="24" t="s">
        <v>2861</v>
      </c>
      <c r="C872" s="14"/>
    </row>
    <row r="873" spans="1:3" ht="60" x14ac:dyDescent="0.25">
      <c r="A873" s="17" t="s">
        <v>1057</v>
      </c>
      <c r="B873" s="15" t="s">
        <v>1058</v>
      </c>
      <c r="C873" s="27">
        <v>41092</v>
      </c>
    </row>
    <row r="874" spans="1:3" ht="60" x14ac:dyDescent="0.25">
      <c r="A874" s="17" t="s">
        <v>1057</v>
      </c>
      <c r="B874" s="15" t="s">
        <v>1059</v>
      </c>
      <c r="C874" s="27">
        <v>41354</v>
      </c>
    </row>
    <row r="875" spans="1:3" ht="60" x14ac:dyDescent="0.25">
      <c r="A875" s="17" t="s">
        <v>1057</v>
      </c>
      <c r="B875" s="15" t="s">
        <v>1060</v>
      </c>
      <c r="C875" s="27">
        <v>41676</v>
      </c>
    </row>
    <row r="876" spans="1:3" ht="60" x14ac:dyDescent="0.25">
      <c r="A876" s="17" t="s">
        <v>1057</v>
      </c>
      <c r="B876" s="15" t="s">
        <v>1061</v>
      </c>
      <c r="C876" s="27">
        <v>42578</v>
      </c>
    </row>
    <row r="877" spans="1:3" x14ac:dyDescent="0.25">
      <c r="A877" s="12" t="s">
        <v>2172</v>
      </c>
      <c r="B877" s="15">
        <v>42985</v>
      </c>
      <c r="C877" s="14"/>
    </row>
    <row r="878" spans="1:3" ht="45" x14ac:dyDescent="0.25">
      <c r="A878" s="17" t="s">
        <v>1902</v>
      </c>
      <c r="B878" s="15" t="s">
        <v>1903</v>
      </c>
      <c r="C878" s="18"/>
    </row>
    <row r="879" spans="1:3" ht="45" x14ac:dyDescent="0.25">
      <c r="A879" s="17" t="s">
        <v>1245</v>
      </c>
      <c r="B879" s="15" t="s">
        <v>1246</v>
      </c>
      <c r="C879" s="18"/>
    </row>
    <row r="880" spans="1:3" x14ac:dyDescent="0.25">
      <c r="A880" s="17" t="s">
        <v>568</v>
      </c>
      <c r="B880" s="15">
        <v>40235</v>
      </c>
      <c r="C880" s="18"/>
    </row>
    <row r="881" spans="1:3" x14ac:dyDescent="0.25">
      <c r="A881" s="17" t="s">
        <v>592</v>
      </c>
      <c r="B881" s="15">
        <v>40269</v>
      </c>
      <c r="C881" s="18"/>
    </row>
    <row r="882" spans="1:3" ht="75" x14ac:dyDescent="0.25">
      <c r="A882" s="17" t="s">
        <v>53</v>
      </c>
      <c r="B882" s="15" t="s">
        <v>54</v>
      </c>
      <c r="C882" s="32">
        <v>45093</v>
      </c>
    </row>
    <row r="883" spans="1:3" ht="60" x14ac:dyDescent="0.25">
      <c r="A883" s="12" t="s">
        <v>2062</v>
      </c>
      <c r="B883" s="15" t="s">
        <v>2063</v>
      </c>
      <c r="C883" s="27">
        <v>42822</v>
      </c>
    </row>
    <row r="884" spans="1:3" x14ac:dyDescent="0.25">
      <c r="A884" s="12" t="s">
        <v>2163</v>
      </c>
      <c r="B884" s="15">
        <v>42969</v>
      </c>
      <c r="C884" s="14"/>
    </row>
    <row r="885" spans="1:3" x14ac:dyDescent="0.25">
      <c r="A885" s="17" t="s">
        <v>838</v>
      </c>
      <c r="B885" s="15">
        <v>40651</v>
      </c>
      <c r="C885" s="18"/>
    </row>
    <row r="886" spans="1:3" ht="30" x14ac:dyDescent="0.25">
      <c r="A886" s="17" t="s">
        <v>1622</v>
      </c>
      <c r="B886" s="15" t="s">
        <v>1623</v>
      </c>
      <c r="C886" s="18"/>
    </row>
    <row r="887" spans="1:3" x14ac:dyDescent="0.25">
      <c r="A887" s="12" t="s">
        <v>2327</v>
      </c>
      <c r="B887" s="15">
        <v>43214</v>
      </c>
      <c r="C887" s="14"/>
    </row>
    <row r="888" spans="1:3" x14ac:dyDescent="0.25">
      <c r="A888" s="12" t="s">
        <v>2301</v>
      </c>
      <c r="B888" s="15">
        <v>43154</v>
      </c>
      <c r="C888" s="14"/>
    </row>
    <row r="889" spans="1:3" x14ac:dyDescent="0.25">
      <c r="A889" s="17" t="s">
        <v>133</v>
      </c>
      <c r="B889" s="15" t="s">
        <v>134</v>
      </c>
      <c r="C889" s="18"/>
    </row>
    <row r="890" spans="1:3" x14ac:dyDescent="0.25">
      <c r="A890" s="12" t="s">
        <v>2264</v>
      </c>
      <c r="B890" s="15">
        <v>43083</v>
      </c>
      <c r="C890" s="14"/>
    </row>
    <row r="891" spans="1:3" ht="30" x14ac:dyDescent="0.25">
      <c r="A891" s="17" t="s">
        <v>49</v>
      </c>
      <c r="B891" s="15" t="s">
        <v>50</v>
      </c>
      <c r="C891" s="18"/>
    </row>
    <row r="892" spans="1:3" ht="30" x14ac:dyDescent="0.25">
      <c r="A892" s="17" t="s">
        <v>1159</v>
      </c>
      <c r="B892" s="15">
        <v>41267</v>
      </c>
      <c r="C892" s="18"/>
    </row>
    <row r="893" spans="1:3" ht="60" x14ac:dyDescent="0.25">
      <c r="A893" s="17" t="s">
        <v>75</v>
      </c>
      <c r="B893" s="15" t="s">
        <v>76</v>
      </c>
      <c r="C893" s="27">
        <v>45748</v>
      </c>
    </row>
    <row r="894" spans="1:3" x14ac:dyDescent="0.25">
      <c r="A894" s="17" t="s">
        <v>805</v>
      </c>
      <c r="B894" s="15">
        <v>40599</v>
      </c>
      <c r="C894" s="18"/>
    </row>
    <row r="895" spans="1:3" ht="30" x14ac:dyDescent="0.25">
      <c r="A895" s="17" t="s">
        <v>1562</v>
      </c>
      <c r="B895" s="15" t="s">
        <v>1563</v>
      </c>
      <c r="C895" s="18"/>
    </row>
    <row r="896" spans="1:3" ht="30" x14ac:dyDescent="0.25">
      <c r="A896" s="17" t="s">
        <v>492</v>
      </c>
      <c r="B896" s="15">
        <v>40116</v>
      </c>
      <c r="C896" s="18"/>
    </row>
    <row r="897" spans="1:3" x14ac:dyDescent="0.25">
      <c r="A897" s="17" t="s">
        <v>1038</v>
      </c>
      <c r="B897" s="15">
        <v>41060</v>
      </c>
      <c r="C897" s="18"/>
    </row>
    <row r="898" spans="1:3" ht="30" x14ac:dyDescent="0.25">
      <c r="A898" s="20" t="s">
        <v>3279</v>
      </c>
      <c r="B898" s="21">
        <v>45946</v>
      </c>
      <c r="C898" s="22"/>
    </row>
    <row r="899" spans="1:3" x14ac:dyDescent="0.25">
      <c r="A899" s="12" t="s">
        <v>2350</v>
      </c>
      <c r="B899" s="15">
        <v>43249</v>
      </c>
      <c r="C899" s="14"/>
    </row>
    <row r="900" spans="1:3" ht="45" x14ac:dyDescent="0.25">
      <c r="A900" s="17" t="s">
        <v>1002</v>
      </c>
      <c r="B900" s="15" t="s">
        <v>1003</v>
      </c>
      <c r="C900" s="18"/>
    </row>
    <row r="901" spans="1:3" x14ac:dyDescent="0.25">
      <c r="A901" s="12" t="s">
        <v>3189</v>
      </c>
      <c r="B901" s="16">
        <v>45483</v>
      </c>
      <c r="C901" s="14"/>
    </row>
    <row r="902" spans="1:3" x14ac:dyDescent="0.25">
      <c r="A902" s="12" t="s">
        <v>2628</v>
      </c>
      <c r="B902" s="15">
        <v>43860</v>
      </c>
      <c r="C902" s="14"/>
    </row>
    <row r="903" spans="1:3" x14ac:dyDescent="0.25">
      <c r="A903" s="17" t="s">
        <v>1321</v>
      </c>
      <c r="B903" s="15">
        <v>41660</v>
      </c>
      <c r="C903" s="18"/>
    </row>
    <row r="904" spans="1:3" x14ac:dyDescent="0.25">
      <c r="A904" s="12" t="s">
        <v>2185</v>
      </c>
      <c r="B904" s="15">
        <v>42993</v>
      </c>
      <c r="C904" s="14"/>
    </row>
    <row r="905" spans="1:3" x14ac:dyDescent="0.25">
      <c r="A905" s="20" t="s">
        <v>3249</v>
      </c>
      <c r="B905" s="21">
        <v>45763</v>
      </c>
      <c r="C905" s="22"/>
    </row>
    <row r="906" spans="1:3" ht="105" x14ac:dyDescent="0.25">
      <c r="A906" s="34" t="s">
        <v>1867</v>
      </c>
      <c r="B906" s="15" t="s">
        <v>1868</v>
      </c>
      <c r="C906" s="18"/>
    </row>
    <row r="907" spans="1:3" x14ac:dyDescent="0.25">
      <c r="A907" s="17" t="s">
        <v>1603</v>
      </c>
      <c r="B907" s="15">
        <v>42135</v>
      </c>
      <c r="C907" s="18"/>
    </row>
    <row r="908" spans="1:3" x14ac:dyDescent="0.25">
      <c r="A908" s="12" t="s">
        <v>2863</v>
      </c>
      <c r="B908" s="24" t="s">
        <v>2864</v>
      </c>
      <c r="C908" s="14"/>
    </row>
    <row r="909" spans="1:3" x14ac:dyDescent="0.25">
      <c r="A909" s="12" t="s">
        <v>3143</v>
      </c>
      <c r="B909" s="16">
        <v>45303</v>
      </c>
      <c r="C909" s="14"/>
    </row>
    <row r="910" spans="1:3" ht="30" x14ac:dyDescent="0.25">
      <c r="A910" s="12" t="s">
        <v>3172</v>
      </c>
      <c r="B910" s="16">
        <v>45426</v>
      </c>
      <c r="C910" s="14"/>
    </row>
    <row r="911" spans="1:3" x14ac:dyDescent="0.25">
      <c r="A911" s="12" t="s">
        <v>2657</v>
      </c>
      <c r="B911" s="16">
        <v>44000</v>
      </c>
      <c r="C911" s="14"/>
    </row>
    <row r="912" spans="1:3" x14ac:dyDescent="0.25">
      <c r="A912" s="20" t="s">
        <v>3260</v>
      </c>
      <c r="B912" s="21">
        <v>45848</v>
      </c>
      <c r="C912" s="22"/>
    </row>
    <row r="913" spans="1:3" x14ac:dyDescent="0.25">
      <c r="A913" s="20" t="s">
        <v>3275</v>
      </c>
      <c r="B913" s="21">
        <v>45925</v>
      </c>
      <c r="C913" s="22"/>
    </row>
    <row r="914" spans="1:3" x14ac:dyDescent="0.25">
      <c r="A914" s="12" t="s">
        <v>2832</v>
      </c>
      <c r="B914" s="24" t="s">
        <v>2833</v>
      </c>
      <c r="C914" s="14"/>
    </row>
    <row r="915" spans="1:3" x14ac:dyDescent="0.25">
      <c r="A915" s="17" t="s">
        <v>1864</v>
      </c>
      <c r="B915" s="15">
        <v>42562</v>
      </c>
      <c r="C915" s="18"/>
    </row>
    <row r="916" spans="1:3" x14ac:dyDescent="0.25">
      <c r="A916" s="17" t="s">
        <v>1232</v>
      </c>
      <c r="B916" s="15">
        <v>41474</v>
      </c>
      <c r="C916" s="18"/>
    </row>
    <row r="917" spans="1:3" x14ac:dyDescent="0.25">
      <c r="A917" s="12" t="s">
        <v>2313</v>
      </c>
      <c r="B917" s="15">
        <v>43173</v>
      </c>
      <c r="C917" s="14"/>
    </row>
    <row r="918" spans="1:3" x14ac:dyDescent="0.25">
      <c r="A918" s="17" t="s">
        <v>817</v>
      </c>
      <c r="B918" s="15">
        <v>40613</v>
      </c>
      <c r="C918" s="18"/>
    </row>
    <row r="919" spans="1:3" ht="30" x14ac:dyDescent="0.25">
      <c r="A919" s="39" t="s">
        <v>3174</v>
      </c>
      <c r="B919" s="13" t="s">
        <v>3175</v>
      </c>
      <c r="C919" s="14"/>
    </row>
    <row r="920" spans="1:3" ht="30" x14ac:dyDescent="0.25">
      <c r="A920" s="17" t="s">
        <v>1140</v>
      </c>
      <c r="B920" s="15">
        <v>41220</v>
      </c>
      <c r="C920" s="18"/>
    </row>
    <row r="921" spans="1:3" x14ac:dyDescent="0.25">
      <c r="A921" s="12" t="s">
        <v>3003</v>
      </c>
      <c r="B921" s="24" t="s">
        <v>3004</v>
      </c>
      <c r="C921" s="14"/>
    </row>
    <row r="922" spans="1:3" ht="30" x14ac:dyDescent="0.25">
      <c r="A922" s="17" t="s">
        <v>1394</v>
      </c>
      <c r="B922" s="15">
        <v>41761</v>
      </c>
      <c r="C922" s="18"/>
    </row>
    <row r="923" spans="1:3" x14ac:dyDescent="0.25">
      <c r="A923" s="17" t="s">
        <v>182</v>
      </c>
      <c r="B923" s="15">
        <v>39818</v>
      </c>
      <c r="C923" s="18"/>
    </row>
    <row r="924" spans="1:3" x14ac:dyDescent="0.25">
      <c r="A924" s="12" t="s">
        <v>3063</v>
      </c>
      <c r="B924" s="16">
        <v>45035</v>
      </c>
      <c r="C924" s="14"/>
    </row>
    <row r="925" spans="1:3" ht="45" x14ac:dyDescent="0.25">
      <c r="A925" s="17" t="s">
        <v>1765</v>
      </c>
      <c r="B925" s="15" t="s">
        <v>1766</v>
      </c>
      <c r="C925" s="18"/>
    </row>
    <row r="926" spans="1:3" x14ac:dyDescent="0.25">
      <c r="A926" s="17" t="s">
        <v>511</v>
      </c>
      <c r="B926" s="15">
        <v>40144</v>
      </c>
      <c r="C926" s="18"/>
    </row>
    <row r="927" spans="1:3" x14ac:dyDescent="0.25">
      <c r="A927" s="17" t="s">
        <v>1237</v>
      </c>
      <c r="B927" s="15">
        <v>41479</v>
      </c>
      <c r="C927" s="18"/>
    </row>
    <row r="928" spans="1:3" x14ac:dyDescent="0.25">
      <c r="A928" s="20" t="s">
        <v>3211</v>
      </c>
      <c r="B928" s="21">
        <v>45575</v>
      </c>
      <c r="C928" s="22"/>
    </row>
    <row r="929" spans="1:3" x14ac:dyDescent="0.25">
      <c r="A929" s="12" t="s">
        <v>2623</v>
      </c>
      <c r="B929" s="15">
        <v>43812</v>
      </c>
      <c r="C929" s="14"/>
    </row>
    <row r="930" spans="1:3" x14ac:dyDescent="0.25">
      <c r="A930" s="17" t="s">
        <v>1558</v>
      </c>
      <c r="B930" s="15">
        <v>42047</v>
      </c>
      <c r="C930" s="18"/>
    </row>
    <row r="931" spans="1:3" x14ac:dyDescent="0.25">
      <c r="A931" s="12" t="s">
        <v>1979</v>
      </c>
      <c r="B931" s="15">
        <v>42734</v>
      </c>
      <c r="C931" s="14"/>
    </row>
    <row r="932" spans="1:3" x14ac:dyDescent="0.25">
      <c r="A932" s="17" t="s">
        <v>67</v>
      </c>
      <c r="B932" s="15" t="s">
        <v>68</v>
      </c>
      <c r="C932" s="18"/>
    </row>
    <row r="933" spans="1:3" ht="45" x14ac:dyDescent="0.25">
      <c r="A933" s="17" t="s">
        <v>1610</v>
      </c>
      <c r="B933" s="15" t="s">
        <v>1611</v>
      </c>
      <c r="C933" s="18"/>
    </row>
    <row r="934" spans="1:3" x14ac:dyDescent="0.25">
      <c r="A934" s="12" t="s">
        <v>2558</v>
      </c>
      <c r="B934" s="15">
        <v>43643</v>
      </c>
      <c r="C934" s="14"/>
    </row>
    <row r="935" spans="1:3" ht="45" x14ac:dyDescent="0.25">
      <c r="A935" s="17" t="s">
        <v>582</v>
      </c>
      <c r="B935" s="15" t="s">
        <v>583</v>
      </c>
      <c r="C935" s="18"/>
    </row>
    <row r="936" spans="1:3" ht="60" x14ac:dyDescent="0.25">
      <c r="A936" s="12" t="s">
        <v>2464</v>
      </c>
      <c r="B936" s="15" t="s">
        <v>2465</v>
      </c>
      <c r="C936" s="27">
        <v>43461</v>
      </c>
    </row>
    <row r="937" spans="1:3" ht="60" x14ac:dyDescent="0.25">
      <c r="A937" s="12" t="s">
        <v>2466</v>
      </c>
      <c r="B937" s="15" t="s">
        <v>2467</v>
      </c>
      <c r="C937" s="27">
        <v>43461</v>
      </c>
    </row>
    <row r="938" spans="1:3" x14ac:dyDescent="0.25">
      <c r="A938" s="12" t="s">
        <v>2740</v>
      </c>
      <c r="B938" s="16">
        <v>44263</v>
      </c>
      <c r="C938" s="14"/>
    </row>
    <row r="939" spans="1:3" x14ac:dyDescent="0.25">
      <c r="A939" s="12" t="s">
        <v>2642</v>
      </c>
      <c r="B939" s="15">
        <v>43959</v>
      </c>
      <c r="C939" s="14"/>
    </row>
    <row r="940" spans="1:3" ht="45" x14ac:dyDescent="0.25">
      <c r="A940" s="17" t="s">
        <v>364</v>
      </c>
      <c r="B940" s="15" t="s">
        <v>365</v>
      </c>
      <c r="C940" s="18"/>
    </row>
    <row r="941" spans="1:3" x14ac:dyDescent="0.25">
      <c r="A941" s="17" t="s">
        <v>1219</v>
      </c>
      <c r="B941" s="15">
        <v>41452</v>
      </c>
      <c r="C941" s="18"/>
    </row>
    <row r="942" spans="1:3" x14ac:dyDescent="0.25">
      <c r="A942" s="12" t="s">
        <v>2953</v>
      </c>
      <c r="B942" s="24" t="s">
        <v>2954</v>
      </c>
      <c r="C942" s="14"/>
    </row>
    <row r="943" spans="1:3" x14ac:dyDescent="0.25">
      <c r="A943" s="17" t="s">
        <v>181</v>
      </c>
      <c r="B943" s="15">
        <v>39818</v>
      </c>
      <c r="C943" s="18"/>
    </row>
    <row r="944" spans="1:3" ht="45" x14ac:dyDescent="0.25">
      <c r="A944" s="12" t="s">
        <v>2413</v>
      </c>
      <c r="B944" s="15" t="s">
        <v>2414</v>
      </c>
      <c r="C944" s="14"/>
    </row>
    <row r="945" spans="1:3" x14ac:dyDescent="0.25">
      <c r="A945" s="17" t="s">
        <v>172</v>
      </c>
      <c r="B945" s="15">
        <v>39792</v>
      </c>
      <c r="C945" s="18"/>
    </row>
    <row r="946" spans="1:3" x14ac:dyDescent="0.25">
      <c r="A946" s="12" t="s">
        <v>2300</v>
      </c>
      <c r="B946" s="15">
        <v>43152</v>
      </c>
      <c r="C946" s="14"/>
    </row>
    <row r="947" spans="1:3" x14ac:dyDescent="0.25">
      <c r="A947" s="17" t="s">
        <v>1218</v>
      </c>
      <c r="B947" s="15">
        <v>41447</v>
      </c>
      <c r="C947" s="18"/>
    </row>
    <row r="948" spans="1:3" x14ac:dyDescent="0.25">
      <c r="A948" s="17" t="s">
        <v>425</v>
      </c>
      <c r="B948" s="15">
        <v>40031</v>
      </c>
      <c r="C948" s="18"/>
    </row>
    <row r="949" spans="1:3" ht="45" x14ac:dyDescent="0.25">
      <c r="A949" s="17" t="s">
        <v>1293</v>
      </c>
      <c r="B949" s="15" t="s">
        <v>1294</v>
      </c>
      <c r="C949" s="18"/>
    </row>
    <row r="950" spans="1:3" ht="45" x14ac:dyDescent="0.25">
      <c r="A950" s="12" t="s">
        <v>1981</v>
      </c>
      <c r="B950" s="15" t="s">
        <v>1982</v>
      </c>
      <c r="C950" s="14"/>
    </row>
    <row r="951" spans="1:3" x14ac:dyDescent="0.25">
      <c r="A951" s="17" t="s">
        <v>1824</v>
      </c>
      <c r="B951" s="15">
        <v>42507</v>
      </c>
      <c r="C951" s="18"/>
    </row>
    <row r="952" spans="1:3" x14ac:dyDescent="0.25">
      <c r="A952" s="12" t="s">
        <v>3075</v>
      </c>
      <c r="B952" s="16">
        <v>45068</v>
      </c>
      <c r="C952" s="14"/>
    </row>
    <row r="953" spans="1:3" x14ac:dyDescent="0.25">
      <c r="A953" s="17" t="s">
        <v>279</v>
      </c>
      <c r="B953" s="15">
        <v>39899</v>
      </c>
      <c r="C953" s="18"/>
    </row>
    <row r="954" spans="1:3" ht="30" x14ac:dyDescent="0.25">
      <c r="A954" s="17" t="s">
        <v>1780</v>
      </c>
      <c r="B954" s="15" t="s">
        <v>1781</v>
      </c>
      <c r="C954" s="18"/>
    </row>
    <row r="955" spans="1:3" x14ac:dyDescent="0.25">
      <c r="A955" s="17" t="s">
        <v>438</v>
      </c>
      <c r="B955" s="15">
        <v>40045</v>
      </c>
      <c r="C955" s="18"/>
    </row>
    <row r="956" spans="1:3" x14ac:dyDescent="0.25">
      <c r="A956" s="12" t="s">
        <v>2321</v>
      </c>
      <c r="B956" s="15">
        <v>43195</v>
      </c>
      <c r="C956" s="14"/>
    </row>
    <row r="957" spans="1:3" ht="30" x14ac:dyDescent="0.25">
      <c r="A957" s="17" t="s">
        <v>1116</v>
      </c>
      <c r="B957" s="15" t="s">
        <v>1117</v>
      </c>
      <c r="C957" s="18"/>
    </row>
    <row r="958" spans="1:3" x14ac:dyDescent="0.25">
      <c r="A958" s="17" t="s">
        <v>532</v>
      </c>
      <c r="B958" s="15">
        <v>40183</v>
      </c>
      <c r="C958" s="18"/>
    </row>
    <row r="959" spans="1:3" ht="45" x14ac:dyDescent="0.25">
      <c r="A959" s="12" t="s">
        <v>3103</v>
      </c>
      <c r="B959" s="13" t="s">
        <v>3104</v>
      </c>
      <c r="C959" s="14"/>
    </row>
    <row r="960" spans="1:3" x14ac:dyDescent="0.25">
      <c r="A960" s="12" t="s">
        <v>3137</v>
      </c>
      <c r="B960" s="24" t="s">
        <v>3138</v>
      </c>
      <c r="C960" s="14"/>
    </row>
    <row r="961" spans="1:3" x14ac:dyDescent="0.25">
      <c r="A961" s="12" t="s">
        <v>3131</v>
      </c>
      <c r="B961" s="24" t="s">
        <v>3132</v>
      </c>
      <c r="C961" s="14"/>
    </row>
    <row r="962" spans="1:3" x14ac:dyDescent="0.25">
      <c r="A962" s="12" t="s">
        <v>3101</v>
      </c>
      <c r="B962" s="16">
        <v>45140</v>
      </c>
      <c r="C962" s="14"/>
    </row>
    <row r="963" spans="1:3" x14ac:dyDescent="0.25">
      <c r="A963" s="12" t="s">
        <v>2292</v>
      </c>
      <c r="B963" s="15">
        <v>43137</v>
      </c>
      <c r="C963" s="14"/>
    </row>
    <row r="964" spans="1:3" x14ac:dyDescent="0.25">
      <c r="A964" s="17" t="s">
        <v>1494</v>
      </c>
      <c r="B964" s="15">
        <v>41942</v>
      </c>
      <c r="C964" s="18"/>
    </row>
    <row r="965" spans="1:3" x14ac:dyDescent="0.25">
      <c r="A965" s="17" t="s">
        <v>698</v>
      </c>
      <c r="B965" s="15">
        <v>40416</v>
      </c>
      <c r="C965" s="18"/>
    </row>
    <row r="966" spans="1:3" x14ac:dyDescent="0.25">
      <c r="A966" s="17" t="s">
        <v>1205</v>
      </c>
      <c r="B966" s="15">
        <v>41404</v>
      </c>
      <c r="C966" s="18"/>
    </row>
    <row r="967" spans="1:3" ht="30" x14ac:dyDescent="0.25">
      <c r="A967" s="17" t="s">
        <v>941</v>
      </c>
      <c r="B967" s="15" t="s">
        <v>942</v>
      </c>
      <c r="C967" s="18"/>
    </row>
    <row r="968" spans="1:3" x14ac:dyDescent="0.25">
      <c r="A968" s="17" t="s">
        <v>302</v>
      </c>
      <c r="B968" s="15">
        <v>39919</v>
      </c>
      <c r="C968" s="18"/>
    </row>
    <row r="969" spans="1:3" x14ac:dyDescent="0.25">
      <c r="A969" s="17" t="s">
        <v>1505</v>
      </c>
      <c r="B969" s="15">
        <v>41956</v>
      </c>
      <c r="C969" s="18"/>
    </row>
    <row r="970" spans="1:3" x14ac:dyDescent="0.25">
      <c r="A970" s="12" t="s">
        <v>2429</v>
      </c>
      <c r="B970" s="15">
        <v>43397</v>
      </c>
      <c r="C970" s="14"/>
    </row>
    <row r="971" spans="1:3" ht="30" x14ac:dyDescent="0.25">
      <c r="A971" s="17" t="s">
        <v>1928</v>
      </c>
      <c r="B971" s="15" t="s">
        <v>1929</v>
      </c>
      <c r="C971" s="18"/>
    </row>
    <row r="972" spans="1:3" x14ac:dyDescent="0.25">
      <c r="A972" s="12" t="s">
        <v>2386</v>
      </c>
      <c r="B972" s="15">
        <v>43315</v>
      </c>
      <c r="C972" s="14"/>
    </row>
    <row r="973" spans="1:3" x14ac:dyDescent="0.25">
      <c r="A973" s="17" t="s">
        <v>866</v>
      </c>
      <c r="B973" s="15">
        <v>40711</v>
      </c>
      <c r="C973" s="18"/>
    </row>
    <row r="974" spans="1:3" x14ac:dyDescent="0.25">
      <c r="A974" s="17" t="s">
        <v>732</v>
      </c>
      <c r="B974" s="15">
        <v>40456</v>
      </c>
      <c r="C974" s="18"/>
    </row>
    <row r="975" spans="1:3" x14ac:dyDescent="0.25">
      <c r="A975" s="17" t="s">
        <v>1217</v>
      </c>
      <c r="B975" s="15">
        <v>41445</v>
      </c>
      <c r="C975" s="18"/>
    </row>
    <row r="976" spans="1:3" ht="45" x14ac:dyDescent="0.25">
      <c r="A976" s="17" t="s">
        <v>467</v>
      </c>
      <c r="B976" s="15" t="s">
        <v>468</v>
      </c>
      <c r="C976" s="18"/>
    </row>
    <row r="977" spans="1:3" ht="45" x14ac:dyDescent="0.25">
      <c r="A977" s="12" t="s">
        <v>2749</v>
      </c>
      <c r="B977" s="13" t="s">
        <v>2750</v>
      </c>
      <c r="C977" s="14"/>
    </row>
    <row r="978" spans="1:3" ht="75" x14ac:dyDescent="0.25">
      <c r="A978" s="17" t="s">
        <v>1049</v>
      </c>
      <c r="B978" s="15" t="s">
        <v>1050</v>
      </c>
      <c r="C978" s="27">
        <v>44127</v>
      </c>
    </row>
    <row r="979" spans="1:3" x14ac:dyDescent="0.25">
      <c r="A979" s="17" t="s">
        <v>852</v>
      </c>
      <c r="B979" s="15">
        <v>40690</v>
      </c>
      <c r="C979" s="18"/>
    </row>
    <row r="980" spans="1:3" x14ac:dyDescent="0.25">
      <c r="A980" s="17" t="s">
        <v>1107</v>
      </c>
      <c r="B980" s="15">
        <v>41163</v>
      </c>
      <c r="C980" s="18"/>
    </row>
    <row r="981" spans="1:3" x14ac:dyDescent="0.25">
      <c r="A981" s="17" t="s">
        <v>1146</v>
      </c>
      <c r="B981" s="15">
        <v>41228</v>
      </c>
      <c r="C981" s="18"/>
    </row>
    <row r="982" spans="1:3" x14ac:dyDescent="0.25">
      <c r="A982" s="17" t="s">
        <v>1145</v>
      </c>
      <c r="B982" s="15">
        <v>41228</v>
      </c>
      <c r="C982" s="18"/>
    </row>
    <row r="983" spans="1:3" ht="30" x14ac:dyDescent="0.25">
      <c r="A983" s="17" t="s">
        <v>397</v>
      </c>
      <c r="B983" s="15" t="s">
        <v>398</v>
      </c>
      <c r="C983" s="18"/>
    </row>
    <row r="984" spans="1:3" ht="45" x14ac:dyDescent="0.25">
      <c r="A984" s="17" t="s">
        <v>573</v>
      </c>
      <c r="B984" s="15" t="s">
        <v>574</v>
      </c>
      <c r="C984" s="18"/>
    </row>
    <row r="985" spans="1:3" x14ac:dyDescent="0.25">
      <c r="A985" s="17" t="s">
        <v>270</v>
      </c>
      <c r="B985" s="15">
        <v>39891</v>
      </c>
      <c r="C985" s="18"/>
    </row>
    <row r="986" spans="1:3" ht="30" x14ac:dyDescent="0.25">
      <c r="A986" s="17" t="s">
        <v>1186</v>
      </c>
      <c r="B986" s="15">
        <v>41344</v>
      </c>
      <c r="C986" s="18"/>
    </row>
    <row r="987" spans="1:3" x14ac:dyDescent="0.25">
      <c r="A987" s="17" t="s">
        <v>1225</v>
      </c>
      <c r="B987" s="15">
        <v>41457</v>
      </c>
      <c r="C987" s="18"/>
    </row>
    <row r="988" spans="1:3" ht="45" x14ac:dyDescent="0.25">
      <c r="A988" s="17" t="s">
        <v>1193</v>
      </c>
      <c r="B988" s="15" t="s">
        <v>1194</v>
      </c>
      <c r="C988" s="18"/>
    </row>
    <row r="989" spans="1:3" x14ac:dyDescent="0.25">
      <c r="A989" s="17" t="s">
        <v>2504</v>
      </c>
      <c r="B989" s="15">
        <v>43571</v>
      </c>
      <c r="C989" s="14"/>
    </row>
    <row r="990" spans="1:3" ht="60" x14ac:dyDescent="0.25">
      <c r="A990" s="12" t="s">
        <v>2087</v>
      </c>
      <c r="B990" s="15" t="s">
        <v>2088</v>
      </c>
      <c r="C990" s="14"/>
    </row>
    <row r="991" spans="1:3" ht="45" x14ac:dyDescent="0.25">
      <c r="A991" s="17" t="s">
        <v>641</v>
      </c>
      <c r="B991" s="15" t="s">
        <v>642</v>
      </c>
      <c r="C991" s="18"/>
    </row>
    <row r="992" spans="1:3" x14ac:dyDescent="0.25">
      <c r="A992" s="12" t="s">
        <v>2377</v>
      </c>
      <c r="B992" s="15">
        <v>43300</v>
      </c>
      <c r="C992" s="14"/>
    </row>
    <row r="993" spans="1:3" x14ac:dyDescent="0.25">
      <c r="A993" s="17" t="s">
        <v>353</v>
      </c>
      <c r="B993" s="15">
        <v>39968</v>
      </c>
      <c r="C993" s="18"/>
    </row>
    <row r="994" spans="1:3" x14ac:dyDescent="0.25">
      <c r="A994" s="12" t="s">
        <v>2258</v>
      </c>
      <c r="B994" s="15">
        <v>43074</v>
      </c>
      <c r="C994" s="14"/>
    </row>
    <row r="995" spans="1:3" ht="30" x14ac:dyDescent="0.25">
      <c r="A995" s="17" t="s">
        <v>1759</v>
      </c>
      <c r="B995" s="15" t="s">
        <v>1760</v>
      </c>
      <c r="C995" s="18"/>
    </row>
    <row r="996" spans="1:3" x14ac:dyDescent="0.25">
      <c r="A996" s="17" t="s">
        <v>768</v>
      </c>
      <c r="B996" s="15">
        <v>40546</v>
      </c>
      <c r="C996" s="18"/>
    </row>
    <row r="997" spans="1:3" x14ac:dyDescent="0.25">
      <c r="A997" s="12" t="s">
        <v>2222</v>
      </c>
      <c r="B997" s="15">
        <v>43038</v>
      </c>
      <c r="C997" s="14"/>
    </row>
    <row r="998" spans="1:3" x14ac:dyDescent="0.25">
      <c r="A998" s="17" t="s">
        <v>1792</v>
      </c>
      <c r="B998" s="15">
        <v>42467</v>
      </c>
      <c r="C998" s="18"/>
    </row>
    <row r="999" spans="1:3" x14ac:dyDescent="0.25">
      <c r="A999" s="12" t="s">
        <v>2778</v>
      </c>
      <c r="B999" s="16">
        <v>44342</v>
      </c>
      <c r="C999" s="14"/>
    </row>
    <row r="1000" spans="1:3" ht="45" x14ac:dyDescent="0.25">
      <c r="A1000" s="20" t="s">
        <v>3205</v>
      </c>
      <c r="B1000" s="35" t="s">
        <v>3206</v>
      </c>
      <c r="C1000" s="22"/>
    </row>
    <row r="1001" spans="1:3" x14ac:dyDescent="0.25">
      <c r="A1001" s="17" t="s">
        <v>445</v>
      </c>
      <c r="B1001" s="15">
        <v>40053</v>
      </c>
      <c r="C1001" s="18"/>
    </row>
    <row r="1002" spans="1:3" x14ac:dyDescent="0.25">
      <c r="A1002" s="17" t="s">
        <v>1700</v>
      </c>
      <c r="B1002" s="15">
        <v>42312</v>
      </c>
      <c r="C1002" s="18"/>
    </row>
    <row r="1003" spans="1:3" x14ac:dyDescent="0.25">
      <c r="A1003" s="17" t="s">
        <v>769</v>
      </c>
      <c r="B1003" s="15">
        <v>40546</v>
      </c>
      <c r="C1003" s="18"/>
    </row>
    <row r="1004" spans="1:3" x14ac:dyDescent="0.25">
      <c r="A1004" s="17" t="s">
        <v>952</v>
      </c>
      <c r="B1004" s="15">
        <v>40904</v>
      </c>
      <c r="C1004" s="18"/>
    </row>
    <row r="1005" spans="1:3" ht="30" x14ac:dyDescent="0.25">
      <c r="A1005" s="17" t="s">
        <v>1311</v>
      </c>
      <c r="B1005" s="15" t="s">
        <v>1312</v>
      </c>
      <c r="C1005" s="18"/>
    </row>
    <row r="1006" spans="1:3" x14ac:dyDescent="0.25">
      <c r="A1006" s="17" t="s">
        <v>1816</v>
      </c>
      <c r="B1006" s="15">
        <v>42499</v>
      </c>
      <c r="C1006" s="18"/>
    </row>
    <row r="1007" spans="1:3" x14ac:dyDescent="0.25">
      <c r="A1007" s="17" t="s">
        <v>676</v>
      </c>
      <c r="B1007" s="15">
        <v>40378</v>
      </c>
      <c r="C1007" s="18"/>
    </row>
    <row r="1008" spans="1:3" x14ac:dyDescent="0.25">
      <c r="A1008" s="17" t="s">
        <v>1506</v>
      </c>
      <c r="B1008" s="15">
        <v>41956</v>
      </c>
      <c r="C1008" s="18"/>
    </row>
    <row r="1009" spans="1:3" x14ac:dyDescent="0.25">
      <c r="A1009" s="17" t="s">
        <v>1260</v>
      </c>
      <c r="B1009" s="15">
        <v>41509</v>
      </c>
      <c r="C1009" s="18"/>
    </row>
    <row r="1010" spans="1:3" x14ac:dyDescent="0.25">
      <c r="A1010" s="17" t="s">
        <v>799</v>
      </c>
      <c r="B1010" s="15">
        <v>40591</v>
      </c>
      <c r="C1010" s="18"/>
    </row>
    <row r="1011" spans="1:3" ht="60" x14ac:dyDescent="0.25">
      <c r="A1011" s="17" t="s">
        <v>153</v>
      </c>
      <c r="B1011" s="15" t="s">
        <v>154</v>
      </c>
      <c r="C1011" s="18"/>
    </row>
    <row r="1012" spans="1:3" ht="45" x14ac:dyDescent="0.25">
      <c r="A1012" s="12" t="s">
        <v>2401</v>
      </c>
      <c r="B1012" s="15" t="s">
        <v>2402</v>
      </c>
      <c r="C1012" s="14"/>
    </row>
    <row r="1013" spans="1:3" x14ac:dyDescent="0.25">
      <c r="A1013" s="12" t="s">
        <v>2111</v>
      </c>
      <c r="B1013" s="15">
        <v>42887</v>
      </c>
      <c r="C1013" s="14"/>
    </row>
    <row r="1014" spans="1:3" ht="45" x14ac:dyDescent="0.25">
      <c r="A1014" s="17" t="s">
        <v>1855</v>
      </c>
      <c r="B1014" s="15" t="s">
        <v>1856</v>
      </c>
      <c r="C1014" s="18"/>
    </row>
    <row r="1015" spans="1:3" x14ac:dyDescent="0.25">
      <c r="A1015" s="17" t="s">
        <v>2506</v>
      </c>
      <c r="B1015" s="15">
        <v>43572</v>
      </c>
      <c r="C1015" s="14"/>
    </row>
    <row r="1016" spans="1:3" x14ac:dyDescent="0.25">
      <c r="A1016" s="12" t="s">
        <v>2601</v>
      </c>
      <c r="B1016" s="15">
        <v>43754</v>
      </c>
      <c r="C1016" s="14"/>
    </row>
    <row r="1017" spans="1:3" ht="45" x14ac:dyDescent="0.25">
      <c r="A1017" s="12" t="s">
        <v>2042</v>
      </c>
      <c r="B1017" s="15" t="s">
        <v>2043</v>
      </c>
      <c r="C1017" s="14"/>
    </row>
    <row r="1018" spans="1:3" x14ac:dyDescent="0.25">
      <c r="A1018" s="12" t="s">
        <v>2428</v>
      </c>
      <c r="B1018" s="15">
        <v>43395</v>
      </c>
      <c r="C1018" s="14"/>
    </row>
    <row r="1019" spans="1:3" x14ac:dyDescent="0.25">
      <c r="A1019" s="17" t="s">
        <v>460</v>
      </c>
      <c r="B1019" s="15">
        <v>40073</v>
      </c>
      <c r="C1019" s="18"/>
    </row>
    <row r="1020" spans="1:3" x14ac:dyDescent="0.25">
      <c r="A1020" s="17" t="s">
        <v>983</v>
      </c>
      <c r="B1020" s="15">
        <v>40938</v>
      </c>
      <c r="C1020" s="18"/>
    </row>
    <row r="1021" spans="1:3" x14ac:dyDescent="0.25">
      <c r="A1021" s="17" t="s">
        <v>362</v>
      </c>
      <c r="B1021" s="15">
        <v>39969</v>
      </c>
      <c r="C1021" s="18"/>
    </row>
    <row r="1022" spans="1:3" ht="45" x14ac:dyDescent="0.25">
      <c r="A1022" s="12" t="s">
        <v>2640</v>
      </c>
      <c r="B1022" s="15" t="s">
        <v>2641</v>
      </c>
      <c r="C1022" s="14"/>
    </row>
    <row r="1023" spans="1:3" x14ac:dyDescent="0.25">
      <c r="A1023" s="17" t="s">
        <v>1782</v>
      </c>
      <c r="B1023" s="15">
        <v>42459</v>
      </c>
      <c r="C1023" s="18"/>
    </row>
    <row r="1024" spans="1:3" x14ac:dyDescent="0.25">
      <c r="A1024" s="17" t="s">
        <v>458</v>
      </c>
      <c r="B1024" s="15">
        <v>40073</v>
      </c>
      <c r="C1024" s="18"/>
    </row>
    <row r="1025" spans="1:3" x14ac:dyDescent="0.25">
      <c r="A1025" s="17" t="s">
        <v>1153</v>
      </c>
      <c r="B1025" s="15">
        <v>41250</v>
      </c>
      <c r="C1025" s="18"/>
    </row>
    <row r="1026" spans="1:3" ht="45" x14ac:dyDescent="0.25">
      <c r="A1026" s="12" t="s">
        <v>2643</v>
      </c>
      <c r="B1026" s="26" t="s">
        <v>2644</v>
      </c>
      <c r="C1026" s="14"/>
    </row>
    <row r="1027" spans="1:3" ht="30" x14ac:dyDescent="0.25">
      <c r="A1027" s="17" t="s">
        <v>1336</v>
      </c>
      <c r="B1027" s="15" t="s">
        <v>1335</v>
      </c>
      <c r="C1027" s="18"/>
    </row>
    <row r="1028" spans="1:3" ht="45" x14ac:dyDescent="0.25">
      <c r="A1028" s="12" t="s">
        <v>3039</v>
      </c>
      <c r="B1028" s="13" t="s">
        <v>3040</v>
      </c>
      <c r="C1028" s="14"/>
    </row>
    <row r="1029" spans="1:3" ht="90" x14ac:dyDescent="0.25">
      <c r="A1029" s="17" t="s">
        <v>78</v>
      </c>
      <c r="B1029" s="15" t="s">
        <v>79</v>
      </c>
      <c r="C1029" s="18"/>
    </row>
    <row r="1030" spans="1:3" x14ac:dyDescent="0.25">
      <c r="A1030" s="12" t="s">
        <v>2131</v>
      </c>
      <c r="B1030" s="15">
        <v>42905</v>
      </c>
      <c r="C1030" s="14"/>
    </row>
    <row r="1031" spans="1:3" x14ac:dyDescent="0.25">
      <c r="A1031" s="17" t="s">
        <v>1615</v>
      </c>
      <c r="B1031" s="15">
        <v>42152</v>
      </c>
      <c r="C1031" s="18"/>
    </row>
    <row r="1032" spans="1:3" ht="45" x14ac:dyDescent="0.25">
      <c r="A1032" s="12" t="s">
        <v>2793</v>
      </c>
      <c r="B1032" s="13" t="s">
        <v>2794</v>
      </c>
      <c r="C1032" s="14"/>
    </row>
    <row r="1033" spans="1:3" x14ac:dyDescent="0.25">
      <c r="A1033" s="17" t="s">
        <v>448</v>
      </c>
      <c r="B1033" s="15">
        <v>40056</v>
      </c>
      <c r="C1033" s="18"/>
    </row>
    <row r="1034" spans="1:3" ht="30" x14ac:dyDescent="0.25">
      <c r="A1034" s="12" t="s">
        <v>2081</v>
      </c>
      <c r="B1034" s="15" t="s">
        <v>2082</v>
      </c>
      <c r="C1034" s="14"/>
    </row>
    <row r="1035" spans="1:3" ht="45" x14ac:dyDescent="0.25">
      <c r="A1035" s="12" t="s">
        <v>1941</v>
      </c>
      <c r="B1035" s="15" t="s">
        <v>1942</v>
      </c>
      <c r="C1035" s="14"/>
    </row>
    <row r="1036" spans="1:3" x14ac:dyDescent="0.25">
      <c r="A1036" s="12" t="s">
        <v>3091</v>
      </c>
      <c r="B1036" s="16">
        <v>45106</v>
      </c>
      <c r="C1036" s="14"/>
    </row>
    <row r="1037" spans="1:3" x14ac:dyDescent="0.25">
      <c r="A1037" s="20" t="s">
        <v>3265</v>
      </c>
      <c r="B1037" s="21">
        <v>45861</v>
      </c>
      <c r="C1037" s="22"/>
    </row>
    <row r="1038" spans="1:3" x14ac:dyDescent="0.25">
      <c r="A1038" s="12" t="s">
        <v>2665</v>
      </c>
      <c r="B1038" s="16">
        <v>44021</v>
      </c>
      <c r="C1038" s="14"/>
    </row>
    <row r="1039" spans="1:3" x14ac:dyDescent="0.25">
      <c r="A1039" s="17" t="s">
        <v>276</v>
      </c>
      <c r="B1039" s="15">
        <v>39897</v>
      </c>
      <c r="C1039" s="18"/>
    </row>
    <row r="1040" spans="1:3" x14ac:dyDescent="0.25">
      <c r="A1040" s="12" t="s">
        <v>2693</v>
      </c>
      <c r="B1040" s="16">
        <v>44103</v>
      </c>
      <c r="C1040" s="14"/>
    </row>
    <row r="1041" spans="1:3" ht="30" x14ac:dyDescent="0.25">
      <c r="A1041" s="17" t="s">
        <v>1278</v>
      </c>
      <c r="B1041" s="15">
        <v>41548</v>
      </c>
      <c r="C1041" s="18"/>
    </row>
    <row r="1042" spans="1:3" ht="45" x14ac:dyDescent="0.25">
      <c r="A1042" s="17" t="s">
        <v>64</v>
      </c>
      <c r="B1042" s="15" t="s">
        <v>65</v>
      </c>
      <c r="C1042" s="18"/>
    </row>
    <row r="1043" spans="1:3" x14ac:dyDescent="0.25">
      <c r="A1043" s="12" t="s">
        <v>2331</v>
      </c>
      <c r="B1043" s="15">
        <v>43215</v>
      </c>
      <c r="C1043" s="14"/>
    </row>
    <row r="1044" spans="1:3" x14ac:dyDescent="0.25">
      <c r="A1044" s="12" t="s">
        <v>2050</v>
      </c>
      <c r="B1044" s="15">
        <v>42816</v>
      </c>
      <c r="C1044" s="14"/>
    </row>
    <row r="1045" spans="1:3" ht="45" x14ac:dyDescent="0.25">
      <c r="A1045" s="17" t="s">
        <v>1795</v>
      </c>
      <c r="B1045" s="26" t="s">
        <v>1796</v>
      </c>
      <c r="C1045" s="18"/>
    </row>
    <row r="1046" spans="1:3" x14ac:dyDescent="0.25">
      <c r="A1046" s="17" t="s">
        <v>1467</v>
      </c>
      <c r="B1046" s="15">
        <v>41891</v>
      </c>
      <c r="C1046" s="18"/>
    </row>
    <row r="1047" spans="1:3" x14ac:dyDescent="0.25">
      <c r="A1047" s="12" t="s">
        <v>2297</v>
      </c>
      <c r="B1047" s="15">
        <v>43147</v>
      </c>
      <c r="C1047" s="14"/>
    </row>
    <row r="1048" spans="1:3" ht="45" x14ac:dyDescent="0.25">
      <c r="A1048" s="17" t="s">
        <v>719</v>
      </c>
      <c r="B1048" s="15" t="s">
        <v>720</v>
      </c>
      <c r="C1048" s="18"/>
    </row>
    <row r="1049" spans="1:3" x14ac:dyDescent="0.25">
      <c r="A1049" s="12" t="s">
        <v>2137</v>
      </c>
      <c r="B1049" s="15">
        <v>42927</v>
      </c>
      <c r="C1049" s="14"/>
    </row>
    <row r="1050" spans="1:3" ht="75" x14ac:dyDescent="0.25">
      <c r="A1050" s="17" t="s">
        <v>1586</v>
      </c>
      <c r="B1050" s="15" t="s">
        <v>1587</v>
      </c>
      <c r="C1050" s="18"/>
    </row>
    <row r="1051" spans="1:3" x14ac:dyDescent="0.25">
      <c r="A1051" s="17" t="s">
        <v>884</v>
      </c>
      <c r="B1051" s="15">
        <v>40752</v>
      </c>
      <c r="C1051" s="18"/>
    </row>
    <row r="1052" spans="1:3" ht="30" x14ac:dyDescent="0.25">
      <c r="A1052" s="12" t="s">
        <v>3192</v>
      </c>
      <c r="B1052" s="16">
        <v>45485</v>
      </c>
      <c r="C1052" s="14"/>
    </row>
    <row r="1053" spans="1:3" x14ac:dyDescent="0.25">
      <c r="A1053" s="17" t="s">
        <v>385</v>
      </c>
      <c r="B1053" s="15">
        <v>39982</v>
      </c>
      <c r="C1053" s="18"/>
    </row>
    <row r="1054" spans="1:3" x14ac:dyDescent="0.25">
      <c r="A1054" s="12" t="s">
        <v>2412</v>
      </c>
      <c r="B1054" s="15">
        <v>43356</v>
      </c>
      <c r="C1054" s="14"/>
    </row>
    <row r="1055" spans="1:3" x14ac:dyDescent="0.25">
      <c r="A1055" s="17" t="s">
        <v>525</v>
      </c>
      <c r="B1055" s="15">
        <v>40168</v>
      </c>
      <c r="C1055" s="18"/>
    </row>
    <row r="1056" spans="1:3" x14ac:dyDescent="0.25">
      <c r="A1056" s="17" t="s">
        <v>1711</v>
      </c>
      <c r="B1056" s="15">
        <v>42321</v>
      </c>
      <c r="C1056" s="18"/>
    </row>
    <row r="1057" spans="1:3" x14ac:dyDescent="0.25">
      <c r="A1057" s="17" t="s">
        <v>554</v>
      </c>
      <c r="B1057" s="15">
        <v>40219</v>
      </c>
      <c r="C1057" s="18"/>
    </row>
    <row r="1058" spans="1:3" x14ac:dyDescent="0.25">
      <c r="A1058" s="17" t="s">
        <v>1020</v>
      </c>
      <c r="B1058" s="15">
        <v>41010</v>
      </c>
      <c r="C1058" s="18"/>
    </row>
    <row r="1059" spans="1:3" x14ac:dyDescent="0.25">
      <c r="A1059" s="17" t="s">
        <v>563</v>
      </c>
      <c r="B1059" s="15">
        <v>40235</v>
      </c>
      <c r="C1059" s="18"/>
    </row>
    <row r="1060" spans="1:3" x14ac:dyDescent="0.25">
      <c r="A1060" s="12" t="s">
        <v>3152</v>
      </c>
      <c r="B1060" s="16">
        <v>45336</v>
      </c>
      <c r="C1060" s="14"/>
    </row>
    <row r="1061" spans="1:3" x14ac:dyDescent="0.25">
      <c r="A1061" s="12" t="s">
        <v>2453</v>
      </c>
      <c r="B1061" s="15">
        <v>43444</v>
      </c>
      <c r="C1061" s="14"/>
    </row>
    <row r="1062" spans="1:3" x14ac:dyDescent="0.25">
      <c r="A1062" s="17" t="s">
        <v>1517</v>
      </c>
      <c r="B1062" s="15">
        <v>41969</v>
      </c>
      <c r="C1062" s="18"/>
    </row>
    <row r="1063" spans="1:3" x14ac:dyDescent="0.25">
      <c r="A1063" s="17" t="s">
        <v>1353</v>
      </c>
      <c r="B1063" s="15">
        <v>41705</v>
      </c>
      <c r="C1063" s="18"/>
    </row>
    <row r="1064" spans="1:3" ht="30" x14ac:dyDescent="0.25">
      <c r="A1064" s="17" t="s">
        <v>341</v>
      </c>
      <c r="B1064" s="15" t="s">
        <v>342</v>
      </c>
      <c r="C1064" s="18"/>
    </row>
    <row r="1065" spans="1:3" x14ac:dyDescent="0.25">
      <c r="A1065" s="17" t="s">
        <v>1119</v>
      </c>
      <c r="B1065" s="15">
        <v>41185</v>
      </c>
      <c r="C1065" s="18"/>
    </row>
    <row r="1066" spans="1:3" x14ac:dyDescent="0.25">
      <c r="A1066" s="12" t="s">
        <v>2359</v>
      </c>
      <c r="B1066" s="15">
        <v>43278</v>
      </c>
      <c r="C1066" s="14"/>
    </row>
    <row r="1067" spans="1:3" x14ac:dyDescent="0.25">
      <c r="A1067" s="17" t="s">
        <v>1666</v>
      </c>
      <c r="B1067" s="15">
        <v>42264</v>
      </c>
      <c r="C1067" s="18"/>
    </row>
    <row r="1068" spans="1:3" x14ac:dyDescent="0.25">
      <c r="A1068" s="20" t="s">
        <v>3212</v>
      </c>
      <c r="B1068" s="21">
        <v>45575</v>
      </c>
      <c r="C1068" s="22"/>
    </row>
    <row r="1069" spans="1:3" x14ac:dyDescent="0.25">
      <c r="A1069" s="17" t="s">
        <v>647</v>
      </c>
      <c r="B1069" s="15">
        <v>40345</v>
      </c>
      <c r="C1069" s="18"/>
    </row>
    <row r="1070" spans="1:3" x14ac:dyDescent="0.25">
      <c r="A1070" s="17" t="s">
        <v>612</v>
      </c>
      <c r="B1070" s="15">
        <v>40304</v>
      </c>
      <c r="C1070" s="18"/>
    </row>
    <row r="1071" spans="1:3" x14ac:dyDescent="0.25">
      <c r="A1071" s="17" t="s">
        <v>1206</v>
      </c>
      <c r="B1071" s="15">
        <v>41414</v>
      </c>
      <c r="C1071" s="18"/>
    </row>
    <row r="1072" spans="1:3" ht="45" x14ac:dyDescent="0.25">
      <c r="A1072" s="17" t="s">
        <v>1593</v>
      </c>
      <c r="B1072" s="15" t="s">
        <v>1594</v>
      </c>
      <c r="C1072" s="18"/>
    </row>
    <row r="1073" spans="1:3" x14ac:dyDescent="0.25">
      <c r="A1073" s="17" t="s">
        <v>1597</v>
      </c>
      <c r="B1073" s="15">
        <v>42125</v>
      </c>
      <c r="C1073" s="18"/>
    </row>
    <row r="1074" spans="1:3" ht="45" x14ac:dyDescent="0.25">
      <c r="A1074" s="17" t="s">
        <v>211</v>
      </c>
      <c r="B1074" s="15" t="s">
        <v>212</v>
      </c>
      <c r="C1074" s="18"/>
    </row>
    <row r="1075" spans="1:3" x14ac:dyDescent="0.25">
      <c r="A1075" s="17" t="s">
        <v>1134</v>
      </c>
      <c r="B1075" s="15">
        <v>41211</v>
      </c>
      <c r="C1075" s="18"/>
    </row>
    <row r="1076" spans="1:3" x14ac:dyDescent="0.25">
      <c r="A1076" s="12" t="s">
        <v>2592</v>
      </c>
      <c r="B1076" s="15">
        <v>43728</v>
      </c>
      <c r="C1076" s="14"/>
    </row>
    <row r="1077" spans="1:3" x14ac:dyDescent="0.25">
      <c r="A1077" s="17" t="s">
        <v>627</v>
      </c>
      <c r="B1077" s="15">
        <v>40317</v>
      </c>
      <c r="C1077" s="18"/>
    </row>
    <row r="1078" spans="1:3" x14ac:dyDescent="0.25">
      <c r="A1078" s="12" t="s">
        <v>2487</v>
      </c>
      <c r="B1078" s="15">
        <v>43524</v>
      </c>
      <c r="C1078" s="14"/>
    </row>
    <row r="1079" spans="1:3" x14ac:dyDescent="0.25">
      <c r="A1079" s="17" t="s">
        <v>1447</v>
      </c>
      <c r="B1079" s="15">
        <v>41866</v>
      </c>
      <c r="C1079" s="18"/>
    </row>
    <row r="1080" spans="1:3" x14ac:dyDescent="0.25">
      <c r="A1080" s="17" t="s">
        <v>1102</v>
      </c>
      <c r="B1080" s="15">
        <v>41151</v>
      </c>
      <c r="C1080" s="18"/>
    </row>
    <row r="1081" spans="1:3" x14ac:dyDescent="0.25">
      <c r="A1081" s="17" t="s">
        <v>203</v>
      </c>
      <c r="B1081" s="15">
        <v>39840</v>
      </c>
      <c r="C1081" s="18"/>
    </row>
    <row r="1082" spans="1:3" ht="45" x14ac:dyDescent="0.25">
      <c r="A1082" s="12" t="s">
        <v>3044</v>
      </c>
      <c r="B1082" s="25" t="s">
        <v>3045</v>
      </c>
      <c r="C1082" s="14"/>
    </row>
    <row r="1083" spans="1:3" x14ac:dyDescent="0.25">
      <c r="A1083" s="12" t="s">
        <v>2427</v>
      </c>
      <c r="B1083" s="15">
        <v>43390</v>
      </c>
      <c r="C1083" s="14"/>
    </row>
    <row r="1084" spans="1:3" x14ac:dyDescent="0.25">
      <c r="A1084" s="12" t="s">
        <v>2406</v>
      </c>
      <c r="B1084" s="15">
        <v>43348</v>
      </c>
      <c r="C1084" s="14"/>
    </row>
    <row r="1085" spans="1:3" x14ac:dyDescent="0.25">
      <c r="A1085" s="12" t="s">
        <v>2582</v>
      </c>
      <c r="B1085" s="15">
        <v>43711</v>
      </c>
      <c r="C1085" s="14"/>
    </row>
    <row r="1086" spans="1:3" ht="60" x14ac:dyDescent="0.25">
      <c r="A1086" s="17" t="s">
        <v>1344</v>
      </c>
      <c r="B1086" s="15" t="s">
        <v>1345</v>
      </c>
      <c r="C1086" s="18"/>
    </row>
    <row r="1087" spans="1:3" ht="45" x14ac:dyDescent="0.25">
      <c r="A1087" s="17" t="s">
        <v>1400</v>
      </c>
      <c r="B1087" s="15" t="s">
        <v>1401</v>
      </c>
      <c r="C1087" s="18"/>
    </row>
    <row r="1088" spans="1:3" ht="30" x14ac:dyDescent="0.25">
      <c r="A1088" s="17" t="s">
        <v>388</v>
      </c>
      <c r="B1088" s="15" t="s">
        <v>389</v>
      </c>
      <c r="C1088" s="18"/>
    </row>
    <row r="1089" spans="1:3" ht="45" x14ac:dyDescent="0.25">
      <c r="A1089" s="12" t="s">
        <v>2424</v>
      </c>
      <c r="B1089" s="15" t="s">
        <v>2425</v>
      </c>
      <c r="C1089" s="14"/>
    </row>
    <row r="1090" spans="1:3" x14ac:dyDescent="0.25">
      <c r="A1090" s="17" t="s">
        <v>907</v>
      </c>
      <c r="B1090" s="15">
        <v>40815</v>
      </c>
      <c r="C1090" s="18"/>
    </row>
    <row r="1091" spans="1:3" x14ac:dyDescent="0.25">
      <c r="A1091" s="12" t="s">
        <v>2220</v>
      </c>
      <c r="B1091" s="15">
        <v>43033</v>
      </c>
      <c r="C1091" s="14"/>
    </row>
    <row r="1092" spans="1:3" x14ac:dyDescent="0.25">
      <c r="A1092" s="20" t="s">
        <v>3202</v>
      </c>
      <c r="B1092" s="21">
        <v>45520</v>
      </c>
      <c r="C1092" s="22"/>
    </row>
    <row r="1093" spans="1:3" x14ac:dyDescent="0.25">
      <c r="A1093" s="17" t="s">
        <v>69</v>
      </c>
      <c r="B1093" s="15" t="s">
        <v>70</v>
      </c>
      <c r="C1093" s="18"/>
    </row>
    <row r="1094" spans="1:3" ht="45" x14ac:dyDescent="0.25">
      <c r="A1094" s="17" t="s">
        <v>1069</v>
      </c>
      <c r="B1094" s="15" t="s">
        <v>1070</v>
      </c>
      <c r="C1094" s="18"/>
    </row>
    <row r="1095" spans="1:3" x14ac:dyDescent="0.25">
      <c r="A1095" s="17" t="s">
        <v>936</v>
      </c>
      <c r="B1095" s="15">
        <v>40877</v>
      </c>
      <c r="C1095" s="18"/>
    </row>
    <row r="1096" spans="1:3" x14ac:dyDescent="0.25">
      <c r="A1096" s="17" t="s">
        <v>1495</v>
      </c>
      <c r="B1096" s="15">
        <v>41942</v>
      </c>
      <c r="C1096" s="18"/>
    </row>
    <row r="1097" spans="1:3" ht="75" x14ac:dyDescent="0.25">
      <c r="A1097" s="17" t="s">
        <v>139</v>
      </c>
      <c r="B1097" s="15" t="s">
        <v>140</v>
      </c>
      <c r="C1097" s="18"/>
    </row>
    <row r="1098" spans="1:3" ht="90" x14ac:dyDescent="0.25">
      <c r="A1098" s="17" t="s">
        <v>81</v>
      </c>
      <c r="B1098" s="15" t="s">
        <v>82</v>
      </c>
      <c r="C1098" s="18"/>
    </row>
    <row r="1099" spans="1:3" x14ac:dyDescent="0.25">
      <c r="A1099" s="17" t="s">
        <v>1823</v>
      </c>
      <c r="B1099" s="15">
        <v>42502</v>
      </c>
      <c r="C1099" s="18"/>
    </row>
    <row r="1100" spans="1:3" x14ac:dyDescent="0.25">
      <c r="A1100" s="12" t="s">
        <v>2903</v>
      </c>
      <c r="B1100" s="24" t="s">
        <v>2904</v>
      </c>
      <c r="C1100" s="14"/>
    </row>
    <row r="1101" spans="1:3" ht="45" x14ac:dyDescent="0.25">
      <c r="A1101" s="12" t="s">
        <v>2899</v>
      </c>
      <c r="B1101" s="25" t="s">
        <v>2900</v>
      </c>
      <c r="C1101" s="14"/>
    </row>
    <row r="1102" spans="1:3" x14ac:dyDescent="0.25">
      <c r="A1102" s="12" t="s">
        <v>2097</v>
      </c>
      <c r="B1102" s="15">
        <v>42870</v>
      </c>
      <c r="C1102" s="14"/>
    </row>
    <row r="1103" spans="1:3" ht="30" x14ac:dyDescent="0.25">
      <c r="A1103" s="17" t="s">
        <v>315</v>
      </c>
      <c r="B1103" s="15" t="s">
        <v>316</v>
      </c>
      <c r="C1103" s="18"/>
    </row>
    <row r="1104" spans="1:3" ht="30" x14ac:dyDescent="0.25">
      <c r="A1104" s="17" t="s">
        <v>790</v>
      </c>
      <c r="B1104" s="15" t="s">
        <v>791</v>
      </c>
      <c r="C1104" s="18"/>
    </row>
    <row r="1105" spans="1:3" ht="45" x14ac:dyDescent="0.25">
      <c r="A1105" s="17" t="s">
        <v>1785</v>
      </c>
      <c r="B1105" s="15" t="s">
        <v>1786</v>
      </c>
      <c r="C1105" s="18"/>
    </row>
    <row r="1106" spans="1:3" x14ac:dyDescent="0.25">
      <c r="A1106" s="17" t="s">
        <v>395</v>
      </c>
      <c r="B1106" s="15">
        <v>39990</v>
      </c>
      <c r="C1106" s="18"/>
    </row>
    <row r="1107" spans="1:3" x14ac:dyDescent="0.25">
      <c r="A1107" s="17" t="s">
        <v>754</v>
      </c>
      <c r="B1107" s="15">
        <v>40485</v>
      </c>
      <c r="C1107" s="18"/>
    </row>
    <row r="1108" spans="1:3" x14ac:dyDescent="0.25">
      <c r="A1108" s="17" t="s">
        <v>1216</v>
      </c>
      <c r="B1108" s="15">
        <v>41444</v>
      </c>
      <c r="C1108" s="18"/>
    </row>
    <row r="1109" spans="1:3" x14ac:dyDescent="0.25">
      <c r="A1109" s="17" t="s">
        <v>1503</v>
      </c>
      <c r="B1109" s="15">
        <v>41954</v>
      </c>
      <c r="C1109" s="18"/>
    </row>
    <row r="1110" spans="1:3" x14ac:dyDescent="0.25">
      <c r="A1110" s="17" t="s">
        <v>521</v>
      </c>
      <c r="B1110" s="15">
        <v>40158</v>
      </c>
      <c r="C1110" s="18"/>
    </row>
    <row r="1111" spans="1:3" x14ac:dyDescent="0.25">
      <c r="A1111" s="17" t="s">
        <v>1324</v>
      </c>
      <c r="B1111" s="15">
        <v>41669</v>
      </c>
      <c r="C1111" s="18"/>
    </row>
    <row r="1112" spans="1:3" x14ac:dyDescent="0.25">
      <c r="A1112" s="20" t="s">
        <v>3232</v>
      </c>
      <c r="B1112" s="21">
        <v>45722</v>
      </c>
      <c r="C1112" s="22"/>
    </row>
    <row r="1113" spans="1:3" ht="60" x14ac:dyDescent="0.25">
      <c r="A1113" s="17" t="s">
        <v>1497</v>
      </c>
      <c r="B1113" s="15" t="s">
        <v>1498</v>
      </c>
      <c r="C1113" s="18"/>
    </row>
    <row r="1114" spans="1:3" ht="45" x14ac:dyDescent="0.25">
      <c r="A1114" s="17" t="s">
        <v>1135</v>
      </c>
      <c r="B1114" s="15" t="s">
        <v>1136</v>
      </c>
      <c r="C1114" s="18"/>
    </row>
    <row r="1115" spans="1:3" x14ac:dyDescent="0.25">
      <c r="A1115" s="17" t="s">
        <v>413</v>
      </c>
      <c r="B1115" s="15">
        <v>40017</v>
      </c>
      <c r="C1115" s="18"/>
    </row>
    <row r="1116" spans="1:3" ht="45" x14ac:dyDescent="0.25">
      <c r="A1116" s="17" t="s">
        <v>1052</v>
      </c>
      <c r="B1116" s="15" t="s">
        <v>1053</v>
      </c>
      <c r="C1116" s="18"/>
    </row>
    <row r="1117" spans="1:3" ht="45" x14ac:dyDescent="0.25">
      <c r="A1117" s="17" t="s">
        <v>839</v>
      </c>
      <c r="B1117" s="15" t="s">
        <v>840</v>
      </c>
      <c r="C1117" s="18"/>
    </row>
    <row r="1118" spans="1:3" ht="45" x14ac:dyDescent="0.25">
      <c r="A1118" s="17" t="s">
        <v>839</v>
      </c>
      <c r="B1118" s="15" t="s">
        <v>840</v>
      </c>
      <c r="C1118" s="18"/>
    </row>
    <row r="1119" spans="1:3" x14ac:dyDescent="0.25">
      <c r="A1119" s="17" t="s">
        <v>77</v>
      </c>
      <c r="B1119" s="15">
        <v>39538</v>
      </c>
      <c r="C1119" s="18"/>
    </row>
    <row r="1120" spans="1:3" ht="30" x14ac:dyDescent="0.25">
      <c r="A1120" s="17" t="s">
        <v>762</v>
      </c>
      <c r="B1120" s="15" t="s">
        <v>763</v>
      </c>
      <c r="C1120" s="18"/>
    </row>
    <row r="1121" spans="1:3" x14ac:dyDescent="0.25">
      <c r="A1121" s="12" t="s">
        <v>2527</v>
      </c>
      <c r="B1121" s="15">
        <v>43601</v>
      </c>
      <c r="C1121" s="14"/>
    </row>
    <row r="1122" spans="1:3" ht="30" x14ac:dyDescent="0.25">
      <c r="A1122" s="17" t="s">
        <v>1513</v>
      </c>
      <c r="B1122" s="15" t="s">
        <v>1514</v>
      </c>
      <c r="C1122" s="18"/>
    </row>
    <row r="1123" spans="1:3" ht="45" x14ac:dyDescent="0.25">
      <c r="A1123" s="17" t="s">
        <v>826</v>
      </c>
      <c r="B1123" s="15" t="s">
        <v>827</v>
      </c>
      <c r="C1123" s="18"/>
    </row>
    <row r="1124" spans="1:3" x14ac:dyDescent="0.25">
      <c r="A1124" s="12" t="s">
        <v>2524</v>
      </c>
      <c r="B1124" s="15">
        <v>43595</v>
      </c>
      <c r="C1124" s="14"/>
    </row>
    <row r="1125" spans="1:3" x14ac:dyDescent="0.25">
      <c r="A1125" s="17" t="s">
        <v>1926</v>
      </c>
      <c r="B1125" s="15">
        <v>42662</v>
      </c>
      <c r="C1125" s="18"/>
    </row>
    <row r="1126" spans="1:3" x14ac:dyDescent="0.25">
      <c r="A1126" s="17" t="s">
        <v>239</v>
      </c>
      <c r="B1126" s="15">
        <v>39876</v>
      </c>
      <c r="C1126" s="18"/>
    </row>
    <row r="1127" spans="1:3" x14ac:dyDescent="0.25">
      <c r="A1127" s="12" t="s">
        <v>2397</v>
      </c>
      <c r="B1127" s="15">
        <v>43341</v>
      </c>
      <c r="C1127" s="14"/>
    </row>
    <row r="1128" spans="1:3" x14ac:dyDescent="0.25">
      <c r="A1128" s="17" t="s">
        <v>561</v>
      </c>
      <c r="B1128" s="15">
        <v>40228</v>
      </c>
      <c r="C1128" s="18"/>
    </row>
    <row r="1129" spans="1:3" x14ac:dyDescent="0.25">
      <c r="A1129" s="17" t="s">
        <v>1220</v>
      </c>
      <c r="B1129" s="15">
        <v>41452</v>
      </c>
      <c r="C1129" s="18"/>
    </row>
    <row r="1130" spans="1:3" ht="60" x14ac:dyDescent="0.25">
      <c r="A1130" s="17" t="s">
        <v>1882</v>
      </c>
      <c r="B1130" s="15" t="s">
        <v>1883</v>
      </c>
      <c r="C1130" s="18"/>
    </row>
    <row r="1131" spans="1:3" ht="45" x14ac:dyDescent="0.25">
      <c r="A1131" s="12" t="s">
        <v>2921</v>
      </c>
      <c r="B1131" s="25" t="s">
        <v>2922</v>
      </c>
      <c r="C1131" s="14"/>
    </row>
    <row r="1132" spans="1:3" x14ac:dyDescent="0.25">
      <c r="A1132" s="17" t="s">
        <v>131</v>
      </c>
      <c r="B1132" s="15" t="s">
        <v>132</v>
      </c>
      <c r="C1132" s="18"/>
    </row>
    <row r="1133" spans="1:3" x14ac:dyDescent="0.25">
      <c r="A1133" s="12" t="s">
        <v>2779</v>
      </c>
      <c r="B1133" s="16">
        <v>44342</v>
      </c>
      <c r="C1133" s="14"/>
    </row>
    <row r="1134" spans="1:3" x14ac:dyDescent="0.25">
      <c r="A1134" s="12" t="s">
        <v>2526</v>
      </c>
      <c r="B1134" s="15">
        <v>43601</v>
      </c>
      <c r="C1134" s="14"/>
    </row>
    <row r="1135" spans="1:3" x14ac:dyDescent="0.25">
      <c r="A1135" s="12" t="s">
        <v>2946</v>
      </c>
      <c r="B1135" s="24" t="s">
        <v>2945</v>
      </c>
      <c r="C1135" s="14"/>
    </row>
    <row r="1136" spans="1:3" x14ac:dyDescent="0.25">
      <c r="A1136" s="17" t="s">
        <v>1646</v>
      </c>
      <c r="B1136" s="15">
        <v>42213</v>
      </c>
      <c r="C1136" s="18"/>
    </row>
    <row r="1137" spans="1:3" x14ac:dyDescent="0.25">
      <c r="A1137" s="12" t="s">
        <v>2556</v>
      </c>
      <c r="B1137" s="15">
        <v>43640</v>
      </c>
      <c r="C1137" s="14"/>
    </row>
    <row r="1138" spans="1:3" x14ac:dyDescent="0.25">
      <c r="A1138" s="12" t="s">
        <v>2224</v>
      </c>
      <c r="B1138" s="15">
        <v>43040</v>
      </c>
      <c r="C1138" s="14"/>
    </row>
    <row r="1139" spans="1:3" x14ac:dyDescent="0.25">
      <c r="A1139" s="12" t="s">
        <v>2541</v>
      </c>
      <c r="B1139" s="15">
        <v>43628</v>
      </c>
      <c r="C1139" s="14"/>
    </row>
    <row r="1140" spans="1:3" x14ac:dyDescent="0.25">
      <c r="A1140" s="12" t="s">
        <v>2225</v>
      </c>
      <c r="B1140" s="15">
        <v>43040</v>
      </c>
      <c r="C1140" s="14"/>
    </row>
    <row r="1141" spans="1:3" ht="60" x14ac:dyDescent="0.25">
      <c r="A1141" s="17" t="s">
        <v>1496</v>
      </c>
      <c r="B1141" s="15">
        <v>41943</v>
      </c>
      <c r="C1141" s="32">
        <v>42135</v>
      </c>
    </row>
    <row r="1142" spans="1:3" x14ac:dyDescent="0.25">
      <c r="A1142" s="12" t="s">
        <v>2388</v>
      </c>
      <c r="B1142" s="15">
        <v>43318</v>
      </c>
      <c r="C1142" s="14"/>
    </row>
    <row r="1143" spans="1:3" x14ac:dyDescent="0.25">
      <c r="A1143" s="12" t="s">
        <v>2915</v>
      </c>
      <c r="B1143" s="24" t="s">
        <v>2914</v>
      </c>
      <c r="C1143" s="14"/>
    </row>
    <row r="1144" spans="1:3" x14ac:dyDescent="0.25">
      <c r="A1144" s="12" t="s">
        <v>1961</v>
      </c>
      <c r="B1144" s="15">
        <v>42711</v>
      </c>
      <c r="C1144" s="14"/>
    </row>
    <row r="1145" spans="1:3" x14ac:dyDescent="0.25">
      <c r="A1145" s="17" t="s">
        <v>1777</v>
      </c>
      <c r="B1145" s="15">
        <v>42450</v>
      </c>
      <c r="C1145" s="18"/>
    </row>
    <row r="1146" spans="1:3" x14ac:dyDescent="0.25">
      <c r="A1146" s="17" t="s">
        <v>848</v>
      </c>
      <c r="B1146" s="15">
        <v>40676</v>
      </c>
      <c r="C1146" s="18"/>
    </row>
    <row r="1147" spans="1:3" x14ac:dyDescent="0.25">
      <c r="A1147" s="12" t="s">
        <v>2627</v>
      </c>
      <c r="B1147" s="15">
        <v>43844</v>
      </c>
      <c r="C1147" s="14"/>
    </row>
    <row r="1148" spans="1:3" x14ac:dyDescent="0.25">
      <c r="A1148" s="12" t="s">
        <v>2836</v>
      </c>
      <c r="B1148" s="16">
        <v>44498</v>
      </c>
      <c r="C1148" s="14"/>
    </row>
    <row r="1149" spans="1:3" x14ac:dyDescent="0.25">
      <c r="A1149" s="17" t="s">
        <v>903</v>
      </c>
      <c r="B1149" s="15">
        <v>40814</v>
      </c>
      <c r="C1149" s="18"/>
    </row>
    <row r="1150" spans="1:3" x14ac:dyDescent="0.25">
      <c r="A1150" s="17" t="s">
        <v>1392</v>
      </c>
      <c r="B1150" s="15">
        <v>41757</v>
      </c>
      <c r="C1150" s="18"/>
    </row>
    <row r="1151" spans="1:3" x14ac:dyDescent="0.25">
      <c r="A1151" s="17" t="s">
        <v>1826</v>
      </c>
      <c r="B1151" s="15">
        <v>42508</v>
      </c>
      <c r="C1151" s="18"/>
    </row>
    <row r="1152" spans="1:3" x14ac:dyDescent="0.25">
      <c r="A1152" s="12" t="s">
        <v>1964</v>
      </c>
      <c r="B1152" s="15">
        <v>42712</v>
      </c>
      <c r="C1152" s="14"/>
    </row>
    <row r="1153" spans="1:3" x14ac:dyDescent="0.25">
      <c r="A1153" s="20" t="s">
        <v>3214</v>
      </c>
      <c r="B1153" s="21">
        <v>45600</v>
      </c>
      <c r="C1153" s="22"/>
    </row>
    <row r="1154" spans="1:3" x14ac:dyDescent="0.25">
      <c r="A1154" s="17" t="s">
        <v>286</v>
      </c>
      <c r="B1154" s="15">
        <v>39902</v>
      </c>
      <c r="C1154" s="18"/>
    </row>
    <row r="1155" spans="1:3" x14ac:dyDescent="0.25">
      <c r="A1155" s="17" t="s">
        <v>1569</v>
      </c>
      <c r="B1155" s="15">
        <v>42080</v>
      </c>
      <c r="C1155" s="18"/>
    </row>
    <row r="1156" spans="1:3" x14ac:dyDescent="0.25">
      <c r="A1156" s="12" t="s">
        <v>2190</v>
      </c>
      <c r="B1156" s="15">
        <v>43003</v>
      </c>
      <c r="C1156" s="14"/>
    </row>
    <row r="1157" spans="1:3" x14ac:dyDescent="0.25">
      <c r="A1157" s="17" t="s">
        <v>1771</v>
      </c>
      <c r="B1157" s="15">
        <v>42439</v>
      </c>
      <c r="C1157" s="18"/>
    </row>
    <row r="1158" spans="1:3" x14ac:dyDescent="0.25">
      <c r="A1158" s="12" t="s">
        <v>2728</v>
      </c>
      <c r="B1158" s="16">
        <v>44239</v>
      </c>
      <c r="C1158" s="14"/>
    </row>
    <row r="1159" spans="1:3" x14ac:dyDescent="0.25">
      <c r="A1159" s="12" t="s">
        <v>2654</v>
      </c>
      <c r="B1159" s="15">
        <v>43985</v>
      </c>
      <c r="C1159" s="14"/>
    </row>
    <row r="1160" spans="1:3" x14ac:dyDescent="0.25">
      <c r="A1160" s="12" t="s">
        <v>2984</v>
      </c>
      <c r="B1160" s="24" t="s">
        <v>2985</v>
      </c>
      <c r="C1160" s="14"/>
    </row>
    <row r="1161" spans="1:3" x14ac:dyDescent="0.25">
      <c r="A1161" s="12" t="s">
        <v>2421</v>
      </c>
      <c r="B1161" s="15">
        <v>43376</v>
      </c>
      <c r="C1161" s="14"/>
    </row>
    <row r="1162" spans="1:3" x14ac:dyDescent="0.25">
      <c r="A1162" s="17" t="s">
        <v>1244</v>
      </c>
      <c r="B1162" s="15">
        <v>41485</v>
      </c>
      <c r="C1162" s="18"/>
    </row>
    <row r="1163" spans="1:3" ht="30" x14ac:dyDescent="0.25">
      <c r="A1163" s="17" t="s">
        <v>1732</v>
      </c>
      <c r="B1163" s="15" t="s">
        <v>1733</v>
      </c>
      <c r="C1163" s="18"/>
    </row>
    <row r="1164" spans="1:3" ht="30" x14ac:dyDescent="0.25">
      <c r="A1164" s="17" t="s">
        <v>1125</v>
      </c>
      <c r="B1164" s="15">
        <v>41194</v>
      </c>
      <c r="C1164" s="18"/>
    </row>
    <row r="1165" spans="1:3" ht="45" x14ac:dyDescent="0.25">
      <c r="A1165" s="40" t="s">
        <v>628</v>
      </c>
      <c r="B1165" s="15" t="s">
        <v>629</v>
      </c>
      <c r="C1165" s="18"/>
    </row>
    <row r="1166" spans="1:3" ht="45" x14ac:dyDescent="0.25">
      <c r="A1166" s="17" t="s">
        <v>917</v>
      </c>
      <c r="B1166" s="15" t="s">
        <v>918</v>
      </c>
      <c r="C1166" s="18"/>
    </row>
    <row r="1167" spans="1:3" x14ac:dyDescent="0.25">
      <c r="A1167" s="12" t="s">
        <v>2814</v>
      </c>
      <c r="B1167" s="16">
        <v>44452</v>
      </c>
      <c r="C1167" s="14"/>
    </row>
    <row r="1168" spans="1:3" ht="60" x14ac:dyDescent="0.25">
      <c r="A1168" s="17" t="s">
        <v>1304</v>
      </c>
      <c r="B1168" s="15" t="s">
        <v>1305</v>
      </c>
      <c r="C1168" s="18"/>
    </row>
    <row r="1169" spans="1:3" x14ac:dyDescent="0.25">
      <c r="A1169" s="17" t="s">
        <v>1644</v>
      </c>
      <c r="B1169" s="15">
        <v>42212</v>
      </c>
      <c r="C1169" s="18"/>
    </row>
    <row r="1170" spans="1:3" x14ac:dyDescent="0.25">
      <c r="A1170" s="17" t="s">
        <v>423</v>
      </c>
      <c r="B1170" s="15">
        <v>40025</v>
      </c>
      <c r="C1170" s="18"/>
    </row>
    <row r="1171" spans="1:3" x14ac:dyDescent="0.25">
      <c r="A1171" s="17" t="s">
        <v>1557</v>
      </c>
      <c r="B1171" s="15">
        <v>42046</v>
      </c>
      <c r="C1171" s="18"/>
    </row>
    <row r="1172" spans="1:3" x14ac:dyDescent="0.25">
      <c r="A1172" s="12" t="s">
        <v>2785</v>
      </c>
      <c r="B1172" s="16">
        <v>44385</v>
      </c>
      <c r="C1172" s="14"/>
    </row>
    <row r="1173" spans="1:3" x14ac:dyDescent="0.25">
      <c r="A1173" s="17" t="s">
        <v>794</v>
      </c>
      <c r="B1173" s="15">
        <v>40578</v>
      </c>
      <c r="C1173" s="18"/>
    </row>
    <row r="1174" spans="1:3" x14ac:dyDescent="0.25">
      <c r="A1174" s="17" t="s">
        <v>1581</v>
      </c>
      <c r="B1174" s="15">
        <v>42104</v>
      </c>
      <c r="C1174" s="18"/>
    </row>
    <row r="1175" spans="1:3" x14ac:dyDescent="0.25">
      <c r="A1175" s="12" t="s">
        <v>2722</v>
      </c>
      <c r="B1175" s="16">
        <v>44218</v>
      </c>
      <c r="C1175" s="14"/>
    </row>
    <row r="1176" spans="1:3" x14ac:dyDescent="0.25">
      <c r="A1176" s="12" t="s">
        <v>2112</v>
      </c>
      <c r="B1176" s="15">
        <v>42888</v>
      </c>
      <c r="C1176" s="14"/>
    </row>
    <row r="1177" spans="1:3" x14ac:dyDescent="0.25">
      <c r="A1177" s="17" t="s">
        <v>264</v>
      </c>
      <c r="B1177" s="15">
        <v>39889</v>
      </c>
      <c r="C1177" s="18"/>
    </row>
    <row r="1178" spans="1:3" ht="30" x14ac:dyDescent="0.25">
      <c r="A1178" s="17" t="s">
        <v>1490</v>
      </c>
      <c r="B1178" s="15" t="s">
        <v>1491</v>
      </c>
      <c r="C1178" s="18"/>
    </row>
    <row r="1179" spans="1:3" x14ac:dyDescent="0.25">
      <c r="A1179" s="17" t="s">
        <v>335</v>
      </c>
      <c r="B1179" s="15">
        <v>39948</v>
      </c>
      <c r="C1179" s="18"/>
    </row>
    <row r="1180" spans="1:3" ht="45" x14ac:dyDescent="0.25">
      <c r="A1180" s="12" t="s">
        <v>2444</v>
      </c>
      <c r="B1180" s="15" t="s">
        <v>2445</v>
      </c>
      <c r="C1180" s="14"/>
    </row>
    <row r="1181" spans="1:3" ht="30" x14ac:dyDescent="0.25">
      <c r="A1181" s="17" t="s">
        <v>1741</v>
      </c>
      <c r="B1181" s="15" t="s">
        <v>1742</v>
      </c>
      <c r="C1181" s="18"/>
    </row>
    <row r="1182" spans="1:3" x14ac:dyDescent="0.25">
      <c r="A1182" s="12" t="s">
        <v>2756</v>
      </c>
      <c r="B1182" s="16">
        <v>44308</v>
      </c>
      <c r="C1182" s="14"/>
    </row>
    <row r="1183" spans="1:3" ht="30" x14ac:dyDescent="0.25">
      <c r="A1183" s="12" t="s">
        <v>2100</v>
      </c>
      <c r="B1183" s="15" t="s">
        <v>2101</v>
      </c>
      <c r="C1183" s="14"/>
    </row>
    <row r="1184" spans="1:3" x14ac:dyDescent="0.25">
      <c r="A1184" s="17" t="s">
        <v>1480</v>
      </c>
      <c r="B1184" s="15">
        <v>41915</v>
      </c>
      <c r="C1184" s="18"/>
    </row>
    <row r="1185" spans="1:3" x14ac:dyDescent="0.25">
      <c r="A1185" s="12" t="s">
        <v>2303</v>
      </c>
      <c r="B1185" s="15">
        <v>43155</v>
      </c>
      <c r="C1185" s="14"/>
    </row>
    <row r="1186" spans="1:3" ht="90" x14ac:dyDescent="0.25">
      <c r="A1186" s="12" t="s">
        <v>2947</v>
      </c>
      <c r="B1186" s="25" t="s">
        <v>2948</v>
      </c>
      <c r="C1186" s="27">
        <v>44748</v>
      </c>
    </row>
    <row r="1187" spans="1:3" ht="60" x14ac:dyDescent="0.25">
      <c r="A1187" s="12" t="s">
        <v>2949</v>
      </c>
      <c r="B1187" s="25" t="s">
        <v>2950</v>
      </c>
      <c r="C1187" s="27">
        <v>44748</v>
      </c>
    </row>
    <row r="1188" spans="1:3" x14ac:dyDescent="0.25">
      <c r="A1188" s="17" t="s">
        <v>1912</v>
      </c>
      <c r="B1188" s="15">
        <v>42650</v>
      </c>
      <c r="C1188" s="18"/>
    </row>
    <row r="1189" spans="1:3" x14ac:dyDescent="0.25">
      <c r="A1189" s="12" t="s">
        <v>2703</v>
      </c>
      <c r="B1189" s="16">
        <v>44127</v>
      </c>
      <c r="C1189" s="14"/>
    </row>
    <row r="1190" spans="1:3" x14ac:dyDescent="0.25">
      <c r="A1190" s="12" t="s">
        <v>2198</v>
      </c>
      <c r="B1190" s="15">
        <v>43010</v>
      </c>
      <c r="C1190" s="14"/>
    </row>
    <row r="1191" spans="1:3" x14ac:dyDescent="0.25">
      <c r="A1191" s="12" t="s">
        <v>2156</v>
      </c>
      <c r="B1191" s="15">
        <v>42961</v>
      </c>
      <c r="C1191" s="14"/>
    </row>
    <row r="1192" spans="1:3" x14ac:dyDescent="0.25">
      <c r="A1192" s="17" t="s">
        <v>825</v>
      </c>
      <c r="B1192" s="15">
        <v>40632</v>
      </c>
      <c r="C1192" s="18"/>
    </row>
    <row r="1193" spans="1:3" x14ac:dyDescent="0.25">
      <c r="A1193" s="17" t="s">
        <v>509</v>
      </c>
      <c r="B1193" s="15">
        <v>40137</v>
      </c>
      <c r="C1193" s="18"/>
    </row>
    <row r="1194" spans="1:3" x14ac:dyDescent="0.25">
      <c r="A1194" s="17" t="s">
        <v>510</v>
      </c>
      <c r="B1194" s="15">
        <v>40137</v>
      </c>
      <c r="C1194" s="18"/>
    </row>
    <row r="1195" spans="1:3" x14ac:dyDescent="0.25">
      <c r="A1195" s="17" t="s">
        <v>1718</v>
      </c>
      <c r="B1195" s="15">
        <v>42338</v>
      </c>
      <c r="C1195" s="18"/>
    </row>
    <row r="1196" spans="1:3" ht="30" x14ac:dyDescent="0.25">
      <c r="A1196" s="20" t="s">
        <v>3207</v>
      </c>
      <c r="B1196" s="21">
        <v>45561</v>
      </c>
      <c r="C1196" s="22"/>
    </row>
    <row r="1197" spans="1:3" ht="30" x14ac:dyDescent="0.25">
      <c r="A1197" s="17" t="s">
        <v>562</v>
      </c>
      <c r="B1197" s="15">
        <v>40228</v>
      </c>
      <c r="C1197" s="18"/>
    </row>
    <row r="1198" spans="1:3" ht="30" x14ac:dyDescent="0.25">
      <c r="A1198" s="17" t="s">
        <v>1731</v>
      </c>
      <c r="B1198" s="15">
        <v>42354</v>
      </c>
      <c r="C1198" s="18"/>
    </row>
    <row r="1199" spans="1:3" ht="45" x14ac:dyDescent="0.25">
      <c r="A1199" s="17" t="s">
        <v>161</v>
      </c>
      <c r="B1199" s="15" t="s">
        <v>162</v>
      </c>
      <c r="C1199" s="18"/>
    </row>
    <row r="1200" spans="1:3" x14ac:dyDescent="0.25">
      <c r="A1200" s="12" t="s">
        <v>2325</v>
      </c>
      <c r="B1200" s="15">
        <v>43206</v>
      </c>
      <c r="C1200" s="14"/>
    </row>
    <row r="1201" spans="1:3" x14ac:dyDescent="0.25">
      <c r="A1201" s="17" t="s">
        <v>1211</v>
      </c>
      <c r="B1201" s="15">
        <v>41418</v>
      </c>
      <c r="C1201" s="18"/>
    </row>
    <row r="1202" spans="1:3" x14ac:dyDescent="0.25">
      <c r="A1202" s="17" t="s">
        <v>1036</v>
      </c>
      <c r="B1202" s="15">
        <v>41052</v>
      </c>
      <c r="C1202" s="18"/>
    </row>
    <row r="1203" spans="1:3" x14ac:dyDescent="0.25">
      <c r="A1203" s="17" t="s">
        <v>683</v>
      </c>
      <c r="B1203" s="15">
        <v>40386</v>
      </c>
      <c r="C1203" s="18"/>
    </row>
    <row r="1204" spans="1:3" x14ac:dyDescent="0.25">
      <c r="A1204" s="17" t="s">
        <v>892</v>
      </c>
      <c r="B1204" s="15">
        <v>40773</v>
      </c>
      <c r="C1204" s="18"/>
    </row>
    <row r="1205" spans="1:3" x14ac:dyDescent="0.25">
      <c r="A1205" s="17" t="s">
        <v>556</v>
      </c>
      <c r="B1205" s="15" t="s">
        <v>557</v>
      </c>
      <c r="C1205" s="18"/>
    </row>
    <row r="1206" spans="1:3" x14ac:dyDescent="0.25">
      <c r="A1206" s="20" t="s">
        <v>3287</v>
      </c>
      <c r="B1206" s="21">
        <v>45975</v>
      </c>
      <c r="C1206" s="22"/>
    </row>
    <row r="1207" spans="1:3" ht="45" x14ac:dyDescent="0.25">
      <c r="A1207" s="17" t="s">
        <v>1567</v>
      </c>
      <c r="B1207" s="15" t="s">
        <v>1568</v>
      </c>
      <c r="C1207" s="18"/>
    </row>
    <row r="1208" spans="1:3" x14ac:dyDescent="0.25">
      <c r="A1208" s="12" t="s">
        <v>2328</v>
      </c>
      <c r="B1208" s="15">
        <v>43215</v>
      </c>
      <c r="C1208" s="14"/>
    </row>
    <row r="1209" spans="1:3" x14ac:dyDescent="0.25">
      <c r="A1209" s="12" t="s">
        <v>2805</v>
      </c>
      <c r="B1209" s="16">
        <v>44428</v>
      </c>
      <c r="C1209" s="14"/>
    </row>
    <row r="1210" spans="1:3" x14ac:dyDescent="0.25">
      <c r="A1210" s="12" t="s">
        <v>2760</v>
      </c>
      <c r="B1210" s="16">
        <v>44314</v>
      </c>
      <c r="C1210" s="14"/>
    </row>
    <row r="1211" spans="1:3" ht="30" x14ac:dyDescent="0.25">
      <c r="A1211" s="17" t="s">
        <v>475</v>
      </c>
      <c r="B1211" s="15">
        <v>40088</v>
      </c>
      <c r="C1211" s="18"/>
    </row>
    <row r="1212" spans="1:3" ht="45" x14ac:dyDescent="0.25">
      <c r="A1212" s="12" t="s">
        <v>2206</v>
      </c>
      <c r="B1212" s="15" t="s">
        <v>2207</v>
      </c>
      <c r="C1212" s="14"/>
    </row>
    <row r="1213" spans="1:3" x14ac:dyDescent="0.25">
      <c r="A1213" s="12" t="s">
        <v>3153</v>
      </c>
      <c r="B1213" s="16">
        <v>45336</v>
      </c>
      <c r="C1213" s="14"/>
    </row>
    <row r="1214" spans="1:3" x14ac:dyDescent="0.25">
      <c r="A1214" s="12" t="s">
        <v>2130</v>
      </c>
      <c r="B1214" s="15">
        <v>42903</v>
      </c>
      <c r="C1214" s="14"/>
    </row>
    <row r="1215" spans="1:3" x14ac:dyDescent="0.25">
      <c r="A1215" s="12" t="s">
        <v>2685</v>
      </c>
      <c r="B1215" s="16">
        <v>44063</v>
      </c>
      <c r="C1215" s="14"/>
    </row>
    <row r="1216" spans="1:3" x14ac:dyDescent="0.25">
      <c r="A1216" s="17" t="s">
        <v>1183</v>
      </c>
      <c r="B1216" s="15">
        <v>41327</v>
      </c>
      <c r="C1216" s="18"/>
    </row>
    <row r="1217" spans="1:3" ht="60" x14ac:dyDescent="0.25">
      <c r="A1217" s="12" t="s">
        <v>2036</v>
      </c>
      <c r="B1217" s="15" t="s">
        <v>2037</v>
      </c>
      <c r="C1217" s="14"/>
    </row>
    <row r="1218" spans="1:3" x14ac:dyDescent="0.25">
      <c r="A1218" s="12" t="s">
        <v>2038</v>
      </c>
      <c r="B1218" s="15">
        <v>42800</v>
      </c>
      <c r="C1218" s="14"/>
    </row>
    <row r="1219" spans="1:3" ht="30" x14ac:dyDescent="0.25">
      <c r="A1219" s="17" t="s">
        <v>1407</v>
      </c>
      <c r="B1219" s="15">
        <v>41781</v>
      </c>
      <c r="C1219" s="18"/>
    </row>
    <row r="1220" spans="1:3" x14ac:dyDescent="0.25">
      <c r="A1220" s="17" t="s">
        <v>741</v>
      </c>
      <c r="B1220" s="15">
        <v>40470</v>
      </c>
      <c r="C1220" s="18"/>
    </row>
    <row r="1221" spans="1:3" ht="45" x14ac:dyDescent="0.25">
      <c r="A1221" s="17" t="s">
        <v>1029</v>
      </c>
      <c r="B1221" s="15" t="s">
        <v>1030</v>
      </c>
      <c r="C1221" s="18"/>
    </row>
    <row r="1222" spans="1:3" x14ac:dyDescent="0.25">
      <c r="A1222" s="12" t="s">
        <v>2323</v>
      </c>
      <c r="B1222" s="15">
        <v>43201</v>
      </c>
      <c r="C1222" s="14"/>
    </row>
    <row r="1223" spans="1:3" x14ac:dyDescent="0.25">
      <c r="A1223" s="12" t="s">
        <v>1960</v>
      </c>
      <c r="B1223" s="15">
        <v>42711</v>
      </c>
      <c r="C1223" s="14"/>
    </row>
    <row r="1224" spans="1:3" x14ac:dyDescent="0.25">
      <c r="A1224" s="17" t="s">
        <v>1155</v>
      </c>
      <c r="B1224" s="15">
        <v>41255</v>
      </c>
      <c r="C1224" s="18"/>
    </row>
    <row r="1225" spans="1:3" ht="30" x14ac:dyDescent="0.25">
      <c r="A1225" s="12" t="s">
        <v>2342</v>
      </c>
      <c r="B1225" s="15" t="s">
        <v>2343</v>
      </c>
      <c r="C1225" s="41"/>
    </row>
    <row r="1226" spans="1:3" x14ac:dyDescent="0.25">
      <c r="A1226" s="12" t="s">
        <v>2310</v>
      </c>
      <c r="B1226" s="15">
        <v>43172</v>
      </c>
      <c r="C1226" s="14"/>
    </row>
    <row r="1227" spans="1:3" ht="30" x14ac:dyDescent="0.25">
      <c r="A1227" s="12" t="s">
        <v>3085</v>
      </c>
      <c r="B1227" s="16">
        <v>45093</v>
      </c>
      <c r="C1227" s="14"/>
    </row>
    <row r="1228" spans="1:3" ht="120" x14ac:dyDescent="0.25">
      <c r="A1228" s="17" t="s">
        <v>1328</v>
      </c>
      <c r="B1228" s="15" t="s">
        <v>1329</v>
      </c>
      <c r="C1228" s="27">
        <v>42568</v>
      </c>
    </row>
    <row r="1229" spans="1:3" ht="120" x14ac:dyDescent="0.25">
      <c r="A1229" s="17" t="s">
        <v>1328</v>
      </c>
      <c r="B1229" s="15" t="s">
        <v>1330</v>
      </c>
      <c r="C1229" s="27">
        <v>44313</v>
      </c>
    </row>
    <row r="1230" spans="1:3" ht="45" x14ac:dyDescent="0.25">
      <c r="A1230" s="17" t="s">
        <v>778</v>
      </c>
      <c r="B1230" s="15" t="s">
        <v>779</v>
      </c>
      <c r="C1230" s="18"/>
    </row>
    <row r="1231" spans="1:3" x14ac:dyDescent="0.25">
      <c r="A1231" s="17" t="s">
        <v>793</v>
      </c>
      <c r="B1231" s="15">
        <v>40574</v>
      </c>
      <c r="C1231" s="18"/>
    </row>
    <row r="1232" spans="1:3" ht="45" x14ac:dyDescent="0.25">
      <c r="A1232" s="12" t="s">
        <v>2243</v>
      </c>
      <c r="B1232" s="15" t="s">
        <v>2244</v>
      </c>
      <c r="C1232" s="14"/>
    </row>
    <row r="1233" spans="1:3" x14ac:dyDescent="0.25">
      <c r="A1233" s="12" t="s">
        <v>2489</v>
      </c>
      <c r="B1233" s="15">
        <v>43536</v>
      </c>
      <c r="C1233" s="14"/>
    </row>
    <row r="1234" spans="1:3" x14ac:dyDescent="0.25">
      <c r="A1234" s="12" t="s">
        <v>2059</v>
      </c>
      <c r="B1234" s="15">
        <v>42825</v>
      </c>
      <c r="C1234" s="14"/>
    </row>
    <row r="1235" spans="1:3" ht="60" x14ac:dyDescent="0.25">
      <c r="A1235" s="17" t="s">
        <v>173</v>
      </c>
      <c r="B1235" s="15" t="s">
        <v>174</v>
      </c>
      <c r="C1235" s="18"/>
    </row>
    <row r="1236" spans="1:3" x14ac:dyDescent="0.25">
      <c r="A1236" s="17" t="s">
        <v>845</v>
      </c>
      <c r="B1236" s="15">
        <v>40659</v>
      </c>
      <c r="C1236" s="18"/>
    </row>
    <row r="1237" spans="1:3" ht="45" x14ac:dyDescent="0.25">
      <c r="A1237" s="12" t="s">
        <v>2442</v>
      </c>
      <c r="B1237" s="15" t="s">
        <v>2443</v>
      </c>
      <c r="C1237" s="14"/>
    </row>
    <row r="1238" spans="1:3" x14ac:dyDescent="0.25">
      <c r="A1238" s="17" t="s">
        <v>237</v>
      </c>
      <c r="B1238" s="15">
        <v>39875</v>
      </c>
      <c r="C1238" s="18"/>
    </row>
    <row r="1239" spans="1:3" x14ac:dyDescent="0.25">
      <c r="A1239" s="20" t="s">
        <v>3221</v>
      </c>
      <c r="B1239" s="21">
        <v>45639</v>
      </c>
      <c r="C1239" s="22"/>
    </row>
    <row r="1240" spans="1:3" x14ac:dyDescent="0.25">
      <c r="A1240" s="12" t="s">
        <v>2139</v>
      </c>
      <c r="B1240" s="15">
        <v>42933</v>
      </c>
      <c r="C1240" s="14"/>
    </row>
    <row r="1241" spans="1:3" x14ac:dyDescent="0.25">
      <c r="A1241" s="17" t="s">
        <v>254</v>
      </c>
      <c r="B1241" s="15">
        <v>39885</v>
      </c>
      <c r="C1241" s="18"/>
    </row>
    <row r="1242" spans="1:3" ht="60" x14ac:dyDescent="0.25">
      <c r="A1242" s="17" t="s">
        <v>150</v>
      </c>
      <c r="B1242" s="15" t="s">
        <v>151</v>
      </c>
      <c r="C1242" s="27">
        <v>42971</v>
      </c>
    </row>
    <row r="1243" spans="1:3" x14ac:dyDescent="0.25">
      <c r="A1243" s="12" t="s">
        <v>2843</v>
      </c>
      <c r="B1243" s="24" t="s">
        <v>2844</v>
      </c>
      <c r="C1243" s="14"/>
    </row>
    <row r="1244" spans="1:3" ht="30" x14ac:dyDescent="0.25">
      <c r="A1244" s="17" t="s">
        <v>1595</v>
      </c>
      <c r="B1244" s="15" t="s">
        <v>1596</v>
      </c>
      <c r="C1244" s="18"/>
    </row>
    <row r="1245" spans="1:3" ht="45" x14ac:dyDescent="0.25">
      <c r="A1245" s="17" t="s">
        <v>1802</v>
      </c>
      <c r="B1245" s="15" t="s">
        <v>1803</v>
      </c>
      <c r="C1245" s="18"/>
    </row>
    <row r="1246" spans="1:3" ht="30" x14ac:dyDescent="0.25">
      <c r="A1246" s="17" t="s">
        <v>2496</v>
      </c>
      <c r="B1246" s="15">
        <v>43553</v>
      </c>
      <c r="C1246" s="14"/>
    </row>
    <row r="1247" spans="1:3" x14ac:dyDescent="0.25">
      <c r="A1247" s="12" t="s">
        <v>2096</v>
      </c>
      <c r="B1247" s="15">
        <v>42870</v>
      </c>
      <c r="C1247" s="14"/>
    </row>
    <row r="1248" spans="1:3" x14ac:dyDescent="0.25">
      <c r="A1248" s="12" t="s">
        <v>2245</v>
      </c>
      <c r="B1248" s="15">
        <v>43067</v>
      </c>
      <c r="C1248" s="14"/>
    </row>
    <row r="1249" spans="1:3" ht="75" x14ac:dyDescent="0.25">
      <c r="A1249" s="17" t="s">
        <v>1559</v>
      </c>
      <c r="B1249" s="15" t="s">
        <v>1560</v>
      </c>
      <c r="C1249" s="18"/>
    </row>
    <row r="1250" spans="1:3" x14ac:dyDescent="0.25">
      <c r="A1250" s="17" t="s">
        <v>567</v>
      </c>
      <c r="B1250" s="15">
        <v>40235</v>
      </c>
      <c r="C1250" s="18"/>
    </row>
    <row r="1251" spans="1:3" ht="30" x14ac:dyDescent="0.25">
      <c r="A1251" s="17" t="s">
        <v>39</v>
      </c>
      <c r="B1251" s="15">
        <v>39128</v>
      </c>
      <c r="C1251" s="18"/>
    </row>
    <row r="1252" spans="1:3" ht="45" x14ac:dyDescent="0.25">
      <c r="A1252" s="17" t="s">
        <v>434</v>
      </c>
      <c r="B1252" s="15" t="s">
        <v>435</v>
      </c>
      <c r="C1252" s="18"/>
    </row>
    <row r="1253" spans="1:3" x14ac:dyDescent="0.25">
      <c r="A1253" s="17" t="s">
        <v>1425</v>
      </c>
      <c r="B1253" s="15">
        <v>41823</v>
      </c>
      <c r="C1253" s="18"/>
    </row>
    <row r="1254" spans="1:3" ht="45" x14ac:dyDescent="0.25">
      <c r="A1254" s="12" t="s">
        <v>2280</v>
      </c>
      <c r="B1254" s="15" t="s">
        <v>2281</v>
      </c>
      <c r="C1254" s="14"/>
    </row>
    <row r="1255" spans="1:3" x14ac:dyDescent="0.25">
      <c r="A1255" s="17" t="s">
        <v>545</v>
      </c>
      <c r="B1255" s="15">
        <v>40207</v>
      </c>
      <c r="C1255" s="18"/>
    </row>
    <row r="1256" spans="1:3" x14ac:dyDescent="0.25">
      <c r="A1256" s="17" t="s">
        <v>546</v>
      </c>
      <c r="B1256" s="15">
        <v>40207</v>
      </c>
      <c r="C1256" s="18"/>
    </row>
    <row r="1257" spans="1:3" x14ac:dyDescent="0.25">
      <c r="A1257" s="17" t="s">
        <v>328</v>
      </c>
      <c r="B1257" s="15">
        <v>39941</v>
      </c>
      <c r="C1257" s="18"/>
    </row>
    <row r="1258" spans="1:3" x14ac:dyDescent="0.25">
      <c r="A1258" s="17" t="s">
        <v>1404</v>
      </c>
      <c r="B1258" s="15">
        <v>41779</v>
      </c>
      <c r="C1258" s="18"/>
    </row>
    <row r="1259" spans="1:3" x14ac:dyDescent="0.25">
      <c r="A1259" s="12" t="s">
        <v>3130</v>
      </c>
      <c r="B1259" s="16">
        <v>45246</v>
      </c>
      <c r="C1259" s="14"/>
    </row>
    <row r="1260" spans="1:3" x14ac:dyDescent="0.25">
      <c r="A1260" s="17" t="s">
        <v>960</v>
      </c>
      <c r="B1260" s="15">
        <v>40913</v>
      </c>
      <c r="C1260" s="18"/>
    </row>
    <row r="1261" spans="1:3" x14ac:dyDescent="0.25">
      <c r="A1261" s="17" t="s">
        <v>1408</v>
      </c>
      <c r="B1261" s="15">
        <v>41782</v>
      </c>
      <c r="C1261" s="18"/>
    </row>
    <row r="1262" spans="1:3" x14ac:dyDescent="0.25">
      <c r="A1262" s="17" t="s">
        <v>981</v>
      </c>
      <c r="B1262" s="15">
        <v>40934</v>
      </c>
      <c r="C1262" s="18"/>
    </row>
    <row r="1263" spans="1:3" x14ac:dyDescent="0.25">
      <c r="A1263" s="17" t="s">
        <v>943</v>
      </c>
      <c r="B1263" s="15">
        <v>40885</v>
      </c>
      <c r="C1263" s="18"/>
    </row>
    <row r="1264" spans="1:3" x14ac:dyDescent="0.25">
      <c r="A1264" s="12" t="s">
        <v>2454</v>
      </c>
      <c r="B1264" s="15">
        <v>43446</v>
      </c>
      <c r="C1264" s="14"/>
    </row>
    <row r="1265" spans="1:3" x14ac:dyDescent="0.25">
      <c r="A1265" s="12" t="s">
        <v>3089</v>
      </c>
      <c r="B1265" s="16">
        <v>45105</v>
      </c>
      <c r="C1265" s="14"/>
    </row>
    <row r="1266" spans="1:3" x14ac:dyDescent="0.25">
      <c r="A1266" s="12" t="s">
        <v>2499</v>
      </c>
      <c r="B1266" s="15">
        <v>43560</v>
      </c>
      <c r="C1266" s="14"/>
    </row>
    <row r="1267" spans="1:3" x14ac:dyDescent="0.25">
      <c r="A1267" s="12" t="s">
        <v>2692</v>
      </c>
      <c r="B1267" s="16">
        <v>44096</v>
      </c>
      <c r="C1267" s="14"/>
    </row>
    <row r="1268" spans="1:3" ht="30" x14ac:dyDescent="0.25">
      <c r="A1268" s="17" t="s">
        <v>745</v>
      </c>
      <c r="B1268" s="15" t="s">
        <v>746</v>
      </c>
      <c r="C1268" s="18"/>
    </row>
    <row r="1269" spans="1:3" x14ac:dyDescent="0.25">
      <c r="A1269" s="12" t="s">
        <v>2589</v>
      </c>
      <c r="B1269" s="15">
        <v>43719</v>
      </c>
      <c r="C1269" s="14"/>
    </row>
    <row r="1270" spans="1:3" x14ac:dyDescent="0.25">
      <c r="A1270" s="17" t="s">
        <v>1078</v>
      </c>
      <c r="B1270" s="15">
        <v>41116</v>
      </c>
      <c r="C1270" s="18"/>
    </row>
    <row r="1271" spans="1:3" x14ac:dyDescent="0.25">
      <c r="A1271" s="12" t="s">
        <v>2124</v>
      </c>
      <c r="B1271" s="15">
        <v>42900</v>
      </c>
      <c r="C1271" s="14"/>
    </row>
    <row r="1272" spans="1:3" ht="45" x14ac:dyDescent="0.25">
      <c r="A1272" s="12" t="s">
        <v>2432</v>
      </c>
      <c r="B1272" s="15" t="s">
        <v>2433</v>
      </c>
      <c r="C1272" s="14"/>
    </row>
    <row r="1273" spans="1:3" x14ac:dyDescent="0.25">
      <c r="A1273" s="12" t="s">
        <v>2221</v>
      </c>
      <c r="B1273" s="15">
        <v>43038</v>
      </c>
      <c r="C1273" s="14"/>
    </row>
    <row r="1274" spans="1:3" x14ac:dyDescent="0.25">
      <c r="A1274" s="12" t="s">
        <v>2293</v>
      </c>
      <c r="B1274" s="15">
        <v>43139</v>
      </c>
      <c r="C1274" s="14"/>
    </row>
    <row r="1275" spans="1:3" x14ac:dyDescent="0.25">
      <c r="A1275" s="17" t="s">
        <v>325</v>
      </c>
      <c r="B1275" s="15">
        <v>39941</v>
      </c>
      <c r="C1275" s="18"/>
    </row>
    <row r="1276" spans="1:3" ht="30" x14ac:dyDescent="0.25">
      <c r="A1276" s="17" t="s">
        <v>667</v>
      </c>
      <c r="B1276" s="15">
        <v>40371</v>
      </c>
      <c r="C1276" s="18"/>
    </row>
    <row r="1277" spans="1:3" x14ac:dyDescent="0.25">
      <c r="A1277" s="12" t="s">
        <v>2742</v>
      </c>
      <c r="B1277" s="16">
        <v>44270</v>
      </c>
      <c r="C1277" s="14"/>
    </row>
    <row r="1278" spans="1:3" x14ac:dyDescent="0.25">
      <c r="A1278" s="12" t="s">
        <v>2296</v>
      </c>
      <c r="B1278" s="15">
        <v>43146</v>
      </c>
      <c r="C1278" s="14"/>
    </row>
    <row r="1279" spans="1:3" x14ac:dyDescent="0.25">
      <c r="A1279" s="12" t="s">
        <v>2371</v>
      </c>
      <c r="B1279" s="15">
        <v>43287</v>
      </c>
      <c r="C1279" s="14"/>
    </row>
    <row r="1280" spans="1:3" ht="45" x14ac:dyDescent="0.25">
      <c r="A1280" s="17" t="s">
        <v>204</v>
      </c>
      <c r="B1280" s="26" t="s">
        <v>205</v>
      </c>
      <c r="C1280" s="18"/>
    </row>
    <row r="1281" spans="1:3" x14ac:dyDescent="0.25">
      <c r="A1281" s="12" t="s">
        <v>1947</v>
      </c>
      <c r="B1281" s="15">
        <v>42689</v>
      </c>
      <c r="C1281" s="14"/>
    </row>
    <row r="1282" spans="1:3" x14ac:dyDescent="0.25">
      <c r="A1282" s="12" t="s">
        <v>2830</v>
      </c>
      <c r="B1282" s="24" t="s">
        <v>2831</v>
      </c>
      <c r="C1282" s="14"/>
    </row>
    <row r="1283" spans="1:3" x14ac:dyDescent="0.25">
      <c r="A1283" s="17" t="s">
        <v>1706</v>
      </c>
      <c r="B1283" s="15">
        <v>42318</v>
      </c>
      <c r="C1283" s="18"/>
    </row>
    <row r="1284" spans="1:3" x14ac:dyDescent="0.25">
      <c r="A1284" s="17" t="s">
        <v>1064</v>
      </c>
      <c r="B1284" s="15">
        <v>41093</v>
      </c>
      <c r="C1284" s="18"/>
    </row>
    <row r="1285" spans="1:3" x14ac:dyDescent="0.25">
      <c r="A1285" s="17" t="s">
        <v>609</v>
      </c>
      <c r="B1285" s="15">
        <v>40291</v>
      </c>
      <c r="C1285" s="18"/>
    </row>
    <row r="1286" spans="1:3" x14ac:dyDescent="0.25">
      <c r="A1286" s="17" t="s">
        <v>1468</v>
      </c>
      <c r="B1286" s="15">
        <v>41894</v>
      </c>
      <c r="C1286" s="18"/>
    </row>
    <row r="1287" spans="1:3" x14ac:dyDescent="0.25">
      <c r="A1287" s="17" t="s">
        <v>1838</v>
      </c>
      <c r="B1287" s="15">
        <v>42523</v>
      </c>
      <c r="C1287" s="18"/>
    </row>
    <row r="1288" spans="1:3" ht="30" x14ac:dyDescent="0.25">
      <c r="A1288" s="17" t="s">
        <v>289</v>
      </c>
      <c r="B1288" s="15" t="s">
        <v>290</v>
      </c>
      <c r="C1288" s="18"/>
    </row>
    <row r="1289" spans="1:3" ht="30" x14ac:dyDescent="0.25">
      <c r="A1289" s="17" t="s">
        <v>755</v>
      </c>
      <c r="B1289" s="15" t="s">
        <v>756</v>
      </c>
      <c r="C1289" s="18"/>
    </row>
    <row r="1290" spans="1:3" x14ac:dyDescent="0.25">
      <c r="A1290" s="12" t="s">
        <v>2845</v>
      </c>
      <c r="B1290" s="24" t="s">
        <v>2846</v>
      </c>
      <c r="C1290" s="14"/>
    </row>
    <row r="1291" spans="1:3" x14ac:dyDescent="0.25">
      <c r="A1291" s="12" t="s">
        <v>3118</v>
      </c>
      <c r="B1291" s="16">
        <v>45196</v>
      </c>
      <c r="C1291" s="14"/>
    </row>
    <row r="1292" spans="1:3" x14ac:dyDescent="0.25">
      <c r="A1292" s="17" t="s">
        <v>1143</v>
      </c>
      <c r="B1292" s="15">
        <v>41221</v>
      </c>
      <c r="C1292" s="18"/>
    </row>
    <row r="1293" spans="1:3" x14ac:dyDescent="0.25">
      <c r="A1293" s="12" t="s">
        <v>2430</v>
      </c>
      <c r="B1293" s="15">
        <v>43399</v>
      </c>
      <c r="C1293" s="14"/>
    </row>
    <row r="1294" spans="1:3" ht="30" x14ac:dyDescent="0.25">
      <c r="A1294" s="12" t="s">
        <v>2746</v>
      </c>
      <c r="B1294" s="16">
        <v>44284</v>
      </c>
      <c r="C1294" s="14"/>
    </row>
    <row r="1295" spans="1:3" ht="30" x14ac:dyDescent="0.25">
      <c r="A1295" s="17" t="s">
        <v>1675</v>
      </c>
      <c r="B1295" s="15" t="s">
        <v>1676</v>
      </c>
      <c r="C1295" s="18"/>
    </row>
    <row r="1296" spans="1:3" ht="30" x14ac:dyDescent="0.25">
      <c r="A1296" s="17" t="s">
        <v>240</v>
      </c>
      <c r="B1296" s="15">
        <v>39876</v>
      </c>
      <c r="C1296" s="18"/>
    </row>
    <row r="1297" spans="1:3" x14ac:dyDescent="0.25">
      <c r="A1297" s="20" t="s">
        <v>3248</v>
      </c>
      <c r="B1297" s="21">
        <v>45762</v>
      </c>
      <c r="C1297" s="22"/>
    </row>
    <row r="1298" spans="1:3" x14ac:dyDescent="0.25">
      <c r="A1298" s="12" t="s">
        <v>2783</v>
      </c>
      <c r="B1298" s="16">
        <v>44365</v>
      </c>
      <c r="C1298" s="14"/>
    </row>
    <row r="1299" spans="1:3" ht="60" x14ac:dyDescent="0.25">
      <c r="A1299" s="12" t="s">
        <v>2127</v>
      </c>
      <c r="B1299" s="15" t="s">
        <v>2128</v>
      </c>
      <c r="C1299" s="14"/>
    </row>
    <row r="1300" spans="1:3" x14ac:dyDescent="0.25">
      <c r="A1300" s="12" t="s">
        <v>2653</v>
      </c>
      <c r="B1300" s="15">
        <v>43984</v>
      </c>
      <c r="C1300" s="14"/>
    </row>
    <row r="1301" spans="1:3" ht="30" x14ac:dyDescent="0.25">
      <c r="A1301" s="17" t="s">
        <v>984</v>
      </c>
      <c r="B1301" s="15">
        <v>40939</v>
      </c>
      <c r="C1301" s="18"/>
    </row>
    <row r="1302" spans="1:3" ht="45" x14ac:dyDescent="0.25">
      <c r="A1302" s="17" t="s">
        <v>1031</v>
      </c>
      <c r="B1302" s="26" t="s">
        <v>1032</v>
      </c>
      <c r="C1302" s="18"/>
    </row>
    <row r="1303" spans="1:3" ht="45" x14ac:dyDescent="0.25">
      <c r="A1303" s="17" t="s">
        <v>1431</v>
      </c>
      <c r="B1303" s="15" t="s">
        <v>1432</v>
      </c>
      <c r="C1303" s="18"/>
    </row>
    <row r="1304" spans="1:3" x14ac:dyDescent="0.25">
      <c r="A1304" s="12" t="s">
        <v>2227</v>
      </c>
      <c r="B1304" s="15">
        <v>43040</v>
      </c>
      <c r="C1304" s="14"/>
    </row>
    <row r="1305" spans="1:3" x14ac:dyDescent="0.25">
      <c r="A1305" s="12" t="s">
        <v>2182</v>
      </c>
      <c r="B1305" s="15">
        <v>42992</v>
      </c>
      <c r="C1305" s="14"/>
    </row>
    <row r="1306" spans="1:3" ht="45" x14ac:dyDescent="0.25">
      <c r="A1306" s="12" t="s">
        <v>2354</v>
      </c>
      <c r="B1306" s="15" t="s">
        <v>2355</v>
      </c>
      <c r="C1306" s="14"/>
    </row>
    <row r="1307" spans="1:3" ht="45" x14ac:dyDescent="0.25">
      <c r="A1307" s="12" t="s">
        <v>2209</v>
      </c>
      <c r="B1307" s="15" t="s">
        <v>2210</v>
      </c>
      <c r="C1307" s="14"/>
    </row>
    <row r="1308" spans="1:3" ht="45" x14ac:dyDescent="0.25">
      <c r="A1308" s="12" t="s">
        <v>2528</v>
      </c>
      <c r="B1308" s="15" t="s">
        <v>2529</v>
      </c>
      <c r="C1308" s="14"/>
    </row>
    <row r="1309" spans="1:3" ht="30" x14ac:dyDescent="0.25">
      <c r="A1309" s="12" t="s">
        <v>3023</v>
      </c>
      <c r="B1309" s="13" t="s">
        <v>3024</v>
      </c>
      <c r="C1309" s="14"/>
    </row>
    <row r="1310" spans="1:3" x14ac:dyDescent="0.25">
      <c r="A1310" s="17" t="s">
        <v>1169</v>
      </c>
      <c r="B1310" s="15">
        <v>41302</v>
      </c>
      <c r="C1310" s="18"/>
    </row>
    <row r="1311" spans="1:3" x14ac:dyDescent="0.25">
      <c r="A1311" s="17" t="s">
        <v>1185</v>
      </c>
      <c r="B1311" s="15">
        <v>41337</v>
      </c>
      <c r="C1311" s="18"/>
    </row>
    <row r="1312" spans="1:3" x14ac:dyDescent="0.25">
      <c r="A1312" s="12" t="s">
        <v>2167</v>
      </c>
      <c r="B1312" s="15">
        <v>42977</v>
      </c>
      <c r="C1312" s="14"/>
    </row>
    <row r="1313" spans="1:3" ht="30" x14ac:dyDescent="0.25">
      <c r="A1313" s="17" t="s">
        <v>1376</v>
      </c>
      <c r="B1313" s="15" t="s">
        <v>1377</v>
      </c>
      <c r="C1313" s="18"/>
    </row>
    <row r="1314" spans="1:3" x14ac:dyDescent="0.25">
      <c r="A1314" s="17" t="s">
        <v>96</v>
      </c>
      <c r="B1314" s="15">
        <v>39624</v>
      </c>
      <c r="C1314" s="18"/>
    </row>
    <row r="1315" spans="1:3" x14ac:dyDescent="0.25">
      <c r="A1315" s="17" t="s">
        <v>1252</v>
      </c>
      <c r="B1315" s="15">
        <v>41501</v>
      </c>
      <c r="C1315" s="18"/>
    </row>
    <row r="1316" spans="1:3" x14ac:dyDescent="0.25">
      <c r="A1316" s="17" t="s">
        <v>861</v>
      </c>
      <c r="B1316" s="15">
        <v>40703</v>
      </c>
      <c r="C1316" s="18"/>
    </row>
    <row r="1317" spans="1:3" x14ac:dyDescent="0.25">
      <c r="A1317" s="12" t="s">
        <v>2351</v>
      </c>
      <c r="B1317" s="15">
        <v>43251</v>
      </c>
      <c r="C1317" s="14"/>
    </row>
    <row r="1318" spans="1:3" x14ac:dyDescent="0.25">
      <c r="A1318" s="17" t="s">
        <v>547</v>
      </c>
      <c r="B1318" s="15">
        <v>40207</v>
      </c>
      <c r="C1318" s="18"/>
    </row>
    <row r="1319" spans="1:3" x14ac:dyDescent="0.25">
      <c r="A1319" s="12" t="s">
        <v>1958</v>
      </c>
      <c r="B1319" s="15">
        <v>42710</v>
      </c>
      <c r="C1319" s="14"/>
    </row>
    <row r="1320" spans="1:3" x14ac:dyDescent="0.25">
      <c r="A1320" s="17" t="s">
        <v>62</v>
      </c>
      <c r="B1320" s="15">
        <v>39422</v>
      </c>
      <c r="C1320" s="18"/>
    </row>
    <row r="1321" spans="1:3" x14ac:dyDescent="0.25">
      <c r="A1321" s="12" t="s">
        <v>3124</v>
      </c>
      <c r="B1321" s="16">
        <v>45228</v>
      </c>
      <c r="C1321" s="14"/>
    </row>
    <row r="1322" spans="1:3" x14ac:dyDescent="0.25">
      <c r="A1322" s="12" t="s">
        <v>2944</v>
      </c>
      <c r="B1322" s="24" t="s">
        <v>2945</v>
      </c>
      <c r="C1322" s="14"/>
    </row>
    <row r="1323" spans="1:3" x14ac:dyDescent="0.25">
      <c r="A1323" s="12" t="s">
        <v>3099</v>
      </c>
      <c r="B1323" s="16">
        <v>45133</v>
      </c>
      <c r="C1323" s="14"/>
    </row>
    <row r="1324" spans="1:3" ht="60" x14ac:dyDescent="0.25">
      <c r="A1324" s="17" t="s">
        <v>702</v>
      </c>
      <c r="B1324" s="15" t="s">
        <v>703</v>
      </c>
      <c r="C1324" s="32">
        <v>45392</v>
      </c>
    </row>
    <row r="1325" spans="1:3" x14ac:dyDescent="0.25">
      <c r="A1325" s="17" t="s">
        <v>484</v>
      </c>
      <c r="B1325" s="15">
        <v>40094</v>
      </c>
      <c r="C1325" s="18"/>
    </row>
    <row r="1326" spans="1:3" ht="60" x14ac:dyDescent="0.25">
      <c r="A1326" s="17" t="s">
        <v>1405</v>
      </c>
      <c r="B1326" s="15" t="s">
        <v>1406</v>
      </c>
      <c r="C1326" s="18"/>
    </row>
    <row r="1327" spans="1:3" x14ac:dyDescent="0.25">
      <c r="A1327" s="17" t="s">
        <v>1281</v>
      </c>
      <c r="B1327" s="15">
        <v>41554</v>
      </c>
      <c r="C1327" s="18"/>
    </row>
    <row r="1328" spans="1:3" ht="30" x14ac:dyDescent="0.25">
      <c r="A1328" s="17" t="s">
        <v>1592</v>
      </c>
      <c r="B1328" s="15">
        <v>42121</v>
      </c>
      <c r="C1328" s="18"/>
    </row>
    <row r="1329" spans="1:3" ht="30" x14ac:dyDescent="0.25">
      <c r="A1329" s="17" t="s">
        <v>414</v>
      </c>
      <c r="B1329" s="15">
        <v>40017</v>
      </c>
      <c r="C1329" s="18"/>
    </row>
    <row r="1330" spans="1:3" x14ac:dyDescent="0.25">
      <c r="A1330" s="17" t="s">
        <v>1056</v>
      </c>
      <c r="B1330" s="15">
        <v>41089</v>
      </c>
      <c r="C1330" s="18"/>
    </row>
    <row r="1331" spans="1:3" x14ac:dyDescent="0.25">
      <c r="A1331" s="12" t="s">
        <v>2233</v>
      </c>
      <c r="B1331" s="15">
        <v>43049</v>
      </c>
      <c r="C1331" s="14"/>
    </row>
    <row r="1332" spans="1:3" x14ac:dyDescent="0.25">
      <c r="A1332" s="12" t="s">
        <v>2211</v>
      </c>
      <c r="B1332" s="15">
        <v>43025</v>
      </c>
      <c r="C1332" s="14"/>
    </row>
    <row r="1333" spans="1:3" x14ac:dyDescent="0.25">
      <c r="A1333" s="17" t="s">
        <v>1754</v>
      </c>
      <c r="B1333" s="15">
        <v>42403</v>
      </c>
      <c r="C1333" s="18"/>
    </row>
    <row r="1334" spans="1:3" x14ac:dyDescent="0.25">
      <c r="A1334" s="12" t="s">
        <v>2459</v>
      </c>
      <c r="B1334" s="15">
        <v>43453</v>
      </c>
      <c r="C1334" s="14"/>
    </row>
    <row r="1335" spans="1:3" x14ac:dyDescent="0.25">
      <c r="A1335" s="17" t="s">
        <v>327</v>
      </c>
      <c r="B1335" s="15">
        <v>39941</v>
      </c>
      <c r="C1335" s="18"/>
    </row>
    <row r="1336" spans="1:3" ht="105" x14ac:dyDescent="0.25">
      <c r="A1336" s="17" t="s">
        <v>1843</v>
      </c>
      <c r="B1336" s="15" t="s">
        <v>1844</v>
      </c>
      <c r="C1336" s="18"/>
    </row>
    <row r="1337" spans="1:3" x14ac:dyDescent="0.25">
      <c r="A1337" s="12" t="s">
        <v>3185</v>
      </c>
      <c r="B1337" s="16">
        <v>45464</v>
      </c>
      <c r="C1337" s="14"/>
    </row>
    <row r="1338" spans="1:3" x14ac:dyDescent="0.25">
      <c r="A1338" s="12" t="s">
        <v>2046</v>
      </c>
      <c r="B1338" s="15">
        <v>42809</v>
      </c>
      <c r="C1338" s="14"/>
    </row>
    <row r="1339" spans="1:3" x14ac:dyDescent="0.25">
      <c r="A1339" s="17" t="s">
        <v>500</v>
      </c>
      <c r="B1339" s="15">
        <v>40133</v>
      </c>
      <c r="C1339" s="18"/>
    </row>
    <row r="1340" spans="1:3" x14ac:dyDescent="0.25">
      <c r="A1340" s="17" t="s">
        <v>1327</v>
      </c>
      <c r="B1340" s="15">
        <v>41675</v>
      </c>
      <c r="C1340" s="18"/>
    </row>
    <row r="1341" spans="1:3" x14ac:dyDescent="0.25">
      <c r="A1341" s="17" t="s">
        <v>1705</v>
      </c>
      <c r="B1341" s="15">
        <v>42318</v>
      </c>
      <c r="C1341" s="18"/>
    </row>
    <row r="1342" spans="1:3" ht="45" x14ac:dyDescent="0.25">
      <c r="A1342" s="12" t="s">
        <v>2775</v>
      </c>
      <c r="B1342" s="13" t="s">
        <v>2776</v>
      </c>
      <c r="C1342" s="14"/>
    </row>
    <row r="1343" spans="1:3" x14ac:dyDescent="0.25">
      <c r="A1343" s="17" t="s">
        <v>459</v>
      </c>
      <c r="B1343" s="15">
        <v>40073</v>
      </c>
      <c r="C1343" s="18"/>
    </row>
    <row r="1344" spans="1:3" x14ac:dyDescent="0.25">
      <c r="A1344" s="17" t="s">
        <v>684</v>
      </c>
      <c r="B1344" s="15">
        <v>40386</v>
      </c>
      <c r="C1344" s="18"/>
    </row>
    <row r="1345" spans="1:3" ht="30" x14ac:dyDescent="0.25">
      <c r="A1345" s="17" t="s">
        <v>1512</v>
      </c>
      <c r="B1345" s="15">
        <v>41964</v>
      </c>
      <c r="C1345" s="18"/>
    </row>
    <row r="1346" spans="1:3" x14ac:dyDescent="0.25">
      <c r="A1346" s="17" t="s">
        <v>407</v>
      </c>
      <c r="B1346" s="15">
        <v>40014</v>
      </c>
      <c r="C1346" s="18"/>
    </row>
    <row r="1347" spans="1:3" ht="45" x14ac:dyDescent="0.25">
      <c r="A1347" s="17" t="s">
        <v>1481</v>
      </c>
      <c r="B1347" s="15" t="s">
        <v>1482</v>
      </c>
      <c r="C1347" s="18"/>
    </row>
    <row r="1348" spans="1:3" ht="30" x14ac:dyDescent="0.25">
      <c r="A1348" s="17" t="s">
        <v>250</v>
      </c>
      <c r="B1348" s="15" t="s">
        <v>251</v>
      </c>
      <c r="C1348" s="18"/>
    </row>
    <row r="1349" spans="1:3" ht="30" x14ac:dyDescent="0.25">
      <c r="A1349" s="12" t="s">
        <v>250</v>
      </c>
      <c r="B1349" s="15" t="s">
        <v>251</v>
      </c>
      <c r="C1349" s="14"/>
    </row>
    <row r="1350" spans="1:3" ht="30" x14ac:dyDescent="0.25">
      <c r="A1350" s="17" t="s">
        <v>1588</v>
      </c>
      <c r="B1350" s="15">
        <v>42110</v>
      </c>
      <c r="C1350" s="18"/>
    </row>
    <row r="1351" spans="1:3" x14ac:dyDescent="0.25">
      <c r="A1351" s="17" t="s">
        <v>390</v>
      </c>
      <c r="B1351" s="15">
        <v>39988</v>
      </c>
      <c r="C1351" s="18"/>
    </row>
    <row r="1352" spans="1:3" x14ac:dyDescent="0.25">
      <c r="A1352" s="12" t="s">
        <v>3122</v>
      </c>
      <c r="B1352" s="16">
        <v>45211</v>
      </c>
      <c r="C1352" s="14"/>
    </row>
    <row r="1353" spans="1:3" ht="30" x14ac:dyDescent="0.25">
      <c r="A1353" s="12" t="s">
        <v>2662</v>
      </c>
      <c r="B1353" s="16">
        <v>44013</v>
      </c>
      <c r="C1353" s="14"/>
    </row>
    <row r="1354" spans="1:3" ht="60" x14ac:dyDescent="0.25">
      <c r="A1354" s="20" t="s">
        <v>3263</v>
      </c>
      <c r="B1354" s="35" t="s">
        <v>3264</v>
      </c>
      <c r="C1354" s="22"/>
    </row>
    <row r="1355" spans="1:3" x14ac:dyDescent="0.25">
      <c r="A1355" s="17" t="s">
        <v>900</v>
      </c>
      <c r="B1355" s="15">
        <v>40806</v>
      </c>
      <c r="C1355" s="18"/>
    </row>
    <row r="1356" spans="1:3" x14ac:dyDescent="0.25">
      <c r="A1356" s="12" t="s">
        <v>2727</v>
      </c>
      <c r="B1356" s="16">
        <v>44239</v>
      </c>
      <c r="C1356" s="14"/>
    </row>
    <row r="1357" spans="1:3" x14ac:dyDescent="0.25">
      <c r="A1357" s="17" t="s">
        <v>1531</v>
      </c>
      <c r="B1357" s="15">
        <v>42004</v>
      </c>
      <c r="C1357" s="18"/>
    </row>
    <row r="1358" spans="1:3" x14ac:dyDescent="0.25">
      <c r="A1358" s="17" t="s">
        <v>1904</v>
      </c>
      <c r="B1358" s="15">
        <v>42635</v>
      </c>
      <c r="C1358" s="18"/>
    </row>
    <row r="1359" spans="1:3" x14ac:dyDescent="0.25">
      <c r="A1359" s="17" t="s">
        <v>1257</v>
      </c>
      <c r="B1359" s="15">
        <v>41507</v>
      </c>
      <c r="C1359" s="18"/>
    </row>
    <row r="1360" spans="1:3" ht="30" x14ac:dyDescent="0.25">
      <c r="A1360" s="17" t="s">
        <v>1698</v>
      </c>
      <c r="B1360" s="15">
        <v>42310</v>
      </c>
      <c r="C1360" s="18"/>
    </row>
    <row r="1361" spans="1:3" x14ac:dyDescent="0.25">
      <c r="A1361" s="17" t="s">
        <v>844</v>
      </c>
      <c r="B1361" s="15">
        <v>40658</v>
      </c>
      <c r="C1361" s="18"/>
    </row>
    <row r="1362" spans="1:3" ht="30" x14ac:dyDescent="0.25">
      <c r="A1362" s="17" t="s">
        <v>34</v>
      </c>
      <c r="B1362" s="15" t="s">
        <v>35</v>
      </c>
      <c r="C1362" s="18"/>
    </row>
    <row r="1363" spans="1:3" ht="30" x14ac:dyDescent="0.25">
      <c r="A1363" s="17" t="s">
        <v>1357</v>
      </c>
      <c r="B1363" s="15" t="s">
        <v>1358</v>
      </c>
      <c r="C1363" s="18"/>
    </row>
    <row r="1364" spans="1:3" ht="45" x14ac:dyDescent="0.25">
      <c r="A1364" s="12" t="s">
        <v>2332</v>
      </c>
      <c r="B1364" s="15" t="s">
        <v>2333</v>
      </c>
      <c r="C1364" s="14"/>
    </row>
    <row r="1365" spans="1:3" ht="30" x14ac:dyDescent="0.25">
      <c r="A1365" s="17" t="s">
        <v>1362</v>
      </c>
      <c r="B1365" s="15" t="s">
        <v>1363</v>
      </c>
      <c r="C1365" s="18"/>
    </row>
    <row r="1366" spans="1:3" x14ac:dyDescent="0.25">
      <c r="A1366" s="12" t="s">
        <v>2370</v>
      </c>
      <c r="B1366" s="15">
        <v>43286</v>
      </c>
      <c r="C1366" s="14"/>
    </row>
    <row r="1367" spans="1:3" x14ac:dyDescent="0.25">
      <c r="A1367" s="17" t="s">
        <v>637</v>
      </c>
      <c r="B1367" s="15">
        <v>40322</v>
      </c>
      <c r="C1367" s="18"/>
    </row>
    <row r="1368" spans="1:3" x14ac:dyDescent="0.25">
      <c r="A1368" s="17" t="s">
        <v>1384</v>
      </c>
      <c r="B1368" s="15">
        <v>41752</v>
      </c>
      <c r="C1368" s="18"/>
    </row>
    <row r="1369" spans="1:3" x14ac:dyDescent="0.25">
      <c r="A1369" s="20" t="s">
        <v>3238</v>
      </c>
      <c r="B1369" s="21">
        <v>45742</v>
      </c>
      <c r="C1369" s="22"/>
    </row>
    <row r="1370" spans="1:3" x14ac:dyDescent="0.25">
      <c r="A1370" s="12" t="s">
        <v>2242</v>
      </c>
      <c r="B1370" s="15">
        <v>43061</v>
      </c>
      <c r="C1370" s="14"/>
    </row>
    <row r="1371" spans="1:3" ht="90" x14ac:dyDescent="0.25">
      <c r="A1371" s="17" t="s">
        <v>1346</v>
      </c>
      <c r="B1371" s="15" t="s">
        <v>1347</v>
      </c>
      <c r="C1371" s="18"/>
    </row>
    <row r="1372" spans="1:3" x14ac:dyDescent="0.25">
      <c r="A1372" s="12" t="s">
        <v>2278</v>
      </c>
      <c r="B1372" s="15">
        <v>43111</v>
      </c>
      <c r="C1372" s="14"/>
    </row>
    <row r="1373" spans="1:3" ht="30" x14ac:dyDescent="0.25">
      <c r="A1373" s="17" t="s">
        <v>928</v>
      </c>
      <c r="B1373" s="15">
        <v>40855</v>
      </c>
      <c r="C1373" s="18"/>
    </row>
    <row r="1374" spans="1:3" x14ac:dyDescent="0.25">
      <c r="A1374" s="20" t="s">
        <v>3262</v>
      </c>
      <c r="B1374" s="21">
        <v>45859</v>
      </c>
      <c r="C1374" s="22"/>
    </row>
    <row r="1375" spans="1:3" x14ac:dyDescent="0.25">
      <c r="A1375" s="20" t="s">
        <v>3259</v>
      </c>
      <c r="B1375" s="21">
        <v>45835</v>
      </c>
      <c r="C1375" s="22"/>
    </row>
    <row r="1376" spans="1:3" ht="45" x14ac:dyDescent="0.25">
      <c r="A1376" s="12" t="s">
        <v>2144</v>
      </c>
      <c r="B1376" s="26" t="s">
        <v>2145</v>
      </c>
      <c r="C1376" s="14"/>
    </row>
    <row r="1377" spans="1:3" x14ac:dyDescent="0.25">
      <c r="A1377" s="17" t="s">
        <v>889</v>
      </c>
      <c r="B1377" s="15">
        <v>40757</v>
      </c>
      <c r="C1377" s="18"/>
    </row>
    <row r="1378" spans="1:3" ht="45" x14ac:dyDescent="0.25">
      <c r="A1378" s="17" t="s">
        <v>632</v>
      </c>
      <c r="B1378" s="15" t="s">
        <v>633</v>
      </c>
      <c r="C1378" s="18"/>
    </row>
    <row r="1379" spans="1:3" x14ac:dyDescent="0.25">
      <c r="A1379" s="12" t="s">
        <v>2140</v>
      </c>
      <c r="B1379" s="15">
        <v>42933</v>
      </c>
      <c r="C1379" s="14"/>
    </row>
    <row r="1380" spans="1:3" ht="30" x14ac:dyDescent="0.25">
      <c r="A1380" s="17" t="s">
        <v>704</v>
      </c>
      <c r="B1380" s="15" t="s">
        <v>705</v>
      </c>
      <c r="C1380" s="18"/>
    </row>
    <row r="1381" spans="1:3" x14ac:dyDescent="0.25">
      <c r="A1381" s="17" t="s">
        <v>160</v>
      </c>
      <c r="B1381" s="15">
        <v>39773</v>
      </c>
      <c r="C1381" s="18"/>
    </row>
    <row r="1382" spans="1:3" x14ac:dyDescent="0.25">
      <c r="A1382" s="12" t="s">
        <v>2001</v>
      </c>
      <c r="B1382" s="15">
        <v>42762</v>
      </c>
      <c r="C1382" s="14"/>
    </row>
    <row r="1383" spans="1:3" x14ac:dyDescent="0.25">
      <c r="A1383" s="17" t="s">
        <v>287</v>
      </c>
      <c r="B1383" s="15" t="s">
        <v>288</v>
      </c>
      <c r="C1383" s="18"/>
    </row>
    <row r="1384" spans="1:3" ht="45" x14ac:dyDescent="0.25">
      <c r="A1384" s="17" t="s">
        <v>360</v>
      </c>
      <c r="B1384" s="15" t="s">
        <v>361</v>
      </c>
      <c r="C1384" s="18"/>
    </row>
    <row r="1385" spans="1:3" x14ac:dyDescent="0.25">
      <c r="A1385" s="12" t="s">
        <v>2808</v>
      </c>
      <c r="B1385" s="16">
        <v>44440</v>
      </c>
      <c r="C1385" s="14"/>
    </row>
    <row r="1386" spans="1:3" ht="60" x14ac:dyDescent="0.25">
      <c r="A1386" s="17" t="s">
        <v>1653</v>
      </c>
      <c r="B1386" s="15" t="s">
        <v>1654</v>
      </c>
      <c r="C1386" s="18"/>
    </row>
    <row r="1387" spans="1:3" x14ac:dyDescent="0.25">
      <c r="A1387" s="20" t="s">
        <v>3289</v>
      </c>
      <c r="B1387" s="21">
        <v>45982</v>
      </c>
      <c r="C1387" s="31"/>
    </row>
    <row r="1388" spans="1:3" x14ac:dyDescent="0.25">
      <c r="A1388" s="17" t="s">
        <v>489</v>
      </c>
      <c r="B1388" s="15">
        <v>40109</v>
      </c>
      <c r="C1388" s="18"/>
    </row>
    <row r="1389" spans="1:3" x14ac:dyDescent="0.25">
      <c r="A1389" s="12" t="s">
        <v>2449</v>
      </c>
      <c r="B1389" s="15">
        <v>43434</v>
      </c>
      <c r="C1389" s="14"/>
    </row>
    <row r="1390" spans="1:3" x14ac:dyDescent="0.25">
      <c r="A1390" s="17" t="s">
        <v>1518</v>
      </c>
      <c r="B1390" s="15">
        <v>41977</v>
      </c>
      <c r="C1390" s="18"/>
    </row>
    <row r="1391" spans="1:3" x14ac:dyDescent="0.25">
      <c r="A1391" s="12" t="s">
        <v>2002</v>
      </c>
      <c r="B1391" s="15">
        <v>42762</v>
      </c>
      <c r="C1391" s="14"/>
    </row>
    <row r="1392" spans="1:3" x14ac:dyDescent="0.25">
      <c r="A1392" s="17" t="s">
        <v>847</v>
      </c>
      <c r="B1392" s="15">
        <v>40675</v>
      </c>
      <c r="C1392" s="18"/>
    </row>
    <row r="1393" spans="1:3" ht="45" x14ac:dyDescent="0.25">
      <c r="A1393" s="17" t="s">
        <v>898</v>
      </c>
      <c r="B1393" s="15" t="s">
        <v>899</v>
      </c>
      <c r="C1393" s="18"/>
    </row>
    <row r="1394" spans="1:3" x14ac:dyDescent="0.25">
      <c r="A1394" s="17" t="s">
        <v>1462</v>
      </c>
      <c r="B1394" s="15">
        <v>41887</v>
      </c>
      <c r="C1394" s="18"/>
    </row>
    <row r="1395" spans="1:3" x14ac:dyDescent="0.25">
      <c r="A1395" s="17" t="s">
        <v>1393</v>
      </c>
      <c r="B1395" s="15">
        <v>41758</v>
      </c>
      <c r="C1395" s="18"/>
    </row>
    <row r="1396" spans="1:3" x14ac:dyDescent="0.25">
      <c r="A1396" s="12" t="s">
        <v>2398</v>
      </c>
      <c r="B1396" s="15">
        <v>43341</v>
      </c>
      <c r="C1396" s="14"/>
    </row>
    <row r="1397" spans="1:3" ht="45" x14ac:dyDescent="0.25">
      <c r="A1397" s="17" t="s">
        <v>738</v>
      </c>
      <c r="B1397" s="15">
        <v>40465</v>
      </c>
      <c r="C1397" s="18"/>
    </row>
    <row r="1398" spans="1:3" x14ac:dyDescent="0.25">
      <c r="A1398" s="12" t="s">
        <v>2203</v>
      </c>
      <c r="B1398" s="15">
        <v>43014</v>
      </c>
      <c r="C1398" s="14"/>
    </row>
    <row r="1399" spans="1:3" x14ac:dyDescent="0.25">
      <c r="A1399" s="12" t="s">
        <v>2080</v>
      </c>
      <c r="B1399" s="15">
        <v>42849</v>
      </c>
      <c r="C1399" s="14"/>
    </row>
    <row r="1400" spans="1:3" x14ac:dyDescent="0.25">
      <c r="A1400" s="12" t="s">
        <v>2907</v>
      </c>
      <c r="B1400" s="24" t="s">
        <v>2908</v>
      </c>
      <c r="C1400" s="14"/>
    </row>
    <row r="1401" spans="1:3" x14ac:dyDescent="0.25">
      <c r="A1401" s="17" t="s">
        <v>1784</v>
      </c>
      <c r="B1401" s="15">
        <v>42459</v>
      </c>
      <c r="C1401" s="18"/>
    </row>
    <row r="1402" spans="1:3" ht="30" x14ac:dyDescent="0.25">
      <c r="A1402" s="17" t="s">
        <v>1817</v>
      </c>
      <c r="B1402" s="15" t="s">
        <v>1818</v>
      </c>
      <c r="C1402" s="18"/>
    </row>
    <row r="1403" spans="1:3" x14ac:dyDescent="0.25">
      <c r="A1403" s="17" t="s">
        <v>1171</v>
      </c>
      <c r="B1403" s="15">
        <v>41303</v>
      </c>
      <c r="C1403" s="18"/>
    </row>
    <row r="1404" spans="1:3" ht="45" x14ac:dyDescent="0.25">
      <c r="A1404" s="17" t="s">
        <v>1830</v>
      </c>
      <c r="B1404" s="15" t="s">
        <v>1831</v>
      </c>
      <c r="C1404" s="18"/>
    </row>
    <row r="1405" spans="1:3" x14ac:dyDescent="0.25">
      <c r="A1405" s="12" t="s">
        <v>2334</v>
      </c>
      <c r="B1405" s="15">
        <v>43220</v>
      </c>
      <c r="C1405" s="14"/>
    </row>
    <row r="1406" spans="1:3" x14ac:dyDescent="0.25">
      <c r="A1406" s="17" t="s">
        <v>457</v>
      </c>
      <c r="B1406" s="15">
        <v>40067</v>
      </c>
      <c r="C1406" s="18"/>
    </row>
    <row r="1407" spans="1:3" x14ac:dyDescent="0.25">
      <c r="A1407" s="17" t="s">
        <v>944</v>
      </c>
      <c r="B1407" s="15">
        <v>40890</v>
      </c>
      <c r="C1407" s="18"/>
    </row>
    <row r="1408" spans="1:3" x14ac:dyDescent="0.25">
      <c r="A1408" s="12" t="s">
        <v>2314</v>
      </c>
      <c r="B1408" s="15">
        <v>43178</v>
      </c>
      <c r="C1408" s="14"/>
    </row>
    <row r="1409" spans="1:3" ht="60" x14ac:dyDescent="0.25">
      <c r="A1409" s="20" t="s">
        <v>3217</v>
      </c>
      <c r="B1409" s="35" t="s">
        <v>3218</v>
      </c>
      <c r="C1409" s="37">
        <v>45611</v>
      </c>
    </row>
    <row r="1410" spans="1:3" ht="165" x14ac:dyDescent="0.25">
      <c r="A1410" s="17" t="s">
        <v>123</v>
      </c>
      <c r="B1410" s="15" t="s">
        <v>124</v>
      </c>
      <c r="C1410" s="27">
        <v>40181</v>
      </c>
    </row>
    <row r="1411" spans="1:3" ht="165" x14ac:dyDescent="0.25">
      <c r="A1411" s="17" t="s">
        <v>123</v>
      </c>
      <c r="B1411" s="15" t="s">
        <v>124</v>
      </c>
      <c r="C1411" s="27">
        <v>43472</v>
      </c>
    </row>
    <row r="1412" spans="1:3" ht="165" x14ac:dyDescent="0.25">
      <c r="A1412" s="17" t="s">
        <v>123</v>
      </c>
      <c r="B1412" s="15" t="s">
        <v>124</v>
      </c>
      <c r="C1412" s="27">
        <v>44627</v>
      </c>
    </row>
    <row r="1413" spans="1:3" ht="165" x14ac:dyDescent="0.25">
      <c r="A1413" s="17" t="s">
        <v>123</v>
      </c>
      <c r="B1413" s="15" t="s">
        <v>124</v>
      </c>
      <c r="C1413" s="27">
        <v>45030</v>
      </c>
    </row>
    <row r="1414" spans="1:3" x14ac:dyDescent="0.25">
      <c r="A1414" s="17" t="s">
        <v>677</v>
      </c>
      <c r="B1414" s="15">
        <v>40381</v>
      </c>
      <c r="C1414" s="18"/>
    </row>
    <row r="1415" spans="1:3" x14ac:dyDescent="0.25">
      <c r="A1415" s="17" t="s">
        <v>86</v>
      </c>
      <c r="B1415" s="15">
        <v>39575</v>
      </c>
      <c r="C1415" s="18"/>
    </row>
    <row r="1416" spans="1:3" x14ac:dyDescent="0.25">
      <c r="A1416" s="17" t="s">
        <v>375</v>
      </c>
      <c r="B1416" s="15">
        <v>39973</v>
      </c>
      <c r="C1416" s="18"/>
    </row>
    <row r="1417" spans="1:3" x14ac:dyDescent="0.25">
      <c r="A1417" s="12" t="s">
        <v>2919</v>
      </c>
      <c r="B1417" s="24" t="s">
        <v>2920</v>
      </c>
      <c r="C1417" s="14"/>
    </row>
    <row r="1418" spans="1:3" x14ac:dyDescent="0.25">
      <c r="A1418" s="12" t="s">
        <v>2817</v>
      </c>
      <c r="B1418" s="16">
        <v>44456</v>
      </c>
      <c r="C1418" s="14"/>
    </row>
    <row r="1419" spans="1:3" ht="45" x14ac:dyDescent="0.25">
      <c r="A1419" s="17" t="s">
        <v>1103</v>
      </c>
      <c r="B1419" s="15" t="s">
        <v>1104</v>
      </c>
      <c r="C1419" s="18"/>
    </row>
    <row r="1420" spans="1:3" x14ac:dyDescent="0.25">
      <c r="A1420" s="17" t="s">
        <v>499</v>
      </c>
      <c r="B1420" s="15">
        <v>40129</v>
      </c>
      <c r="C1420" s="18"/>
    </row>
    <row r="1421" spans="1:3" ht="60" x14ac:dyDescent="0.25">
      <c r="A1421" s="12" t="s">
        <v>2311</v>
      </c>
      <c r="B1421" s="15">
        <v>43172</v>
      </c>
      <c r="C1421" s="27">
        <v>43171</v>
      </c>
    </row>
    <row r="1422" spans="1:3" ht="45" x14ac:dyDescent="0.25">
      <c r="A1422" s="12" t="s">
        <v>2951</v>
      </c>
      <c r="B1422" s="25" t="s">
        <v>2952</v>
      </c>
      <c r="C1422" s="14"/>
    </row>
    <row r="1423" spans="1:3" ht="45" x14ac:dyDescent="0.25">
      <c r="A1423" s="17" t="s">
        <v>1019</v>
      </c>
      <c r="B1423" s="15">
        <v>41006</v>
      </c>
      <c r="C1423" s="18"/>
    </row>
    <row r="1424" spans="1:3" x14ac:dyDescent="0.25">
      <c r="A1424" s="12" t="s">
        <v>2500</v>
      </c>
      <c r="B1424" s="15">
        <v>43560</v>
      </c>
      <c r="C1424" s="14"/>
    </row>
    <row r="1425" spans="1:3" x14ac:dyDescent="0.25">
      <c r="A1425" s="12" t="s">
        <v>1986</v>
      </c>
      <c r="B1425" s="15">
        <v>42739</v>
      </c>
      <c r="C1425" s="14"/>
    </row>
    <row r="1426" spans="1:3" x14ac:dyDescent="0.25">
      <c r="A1426" s="17" t="s">
        <v>823</v>
      </c>
      <c r="B1426" s="15">
        <v>40627</v>
      </c>
      <c r="C1426" s="18"/>
    </row>
    <row r="1427" spans="1:3" x14ac:dyDescent="0.25">
      <c r="A1427" s="17" t="s">
        <v>399</v>
      </c>
      <c r="B1427" s="15">
        <v>39996</v>
      </c>
      <c r="C1427" s="18"/>
    </row>
    <row r="1428" spans="1:3" ht="45" x14ac:dyDescent="0.25">
      <c r="A1428" s="17" t="s">
        <v>1751</v>
      </c>
      <c r="B1428" s="26" t="s">
        <v>1752</v>
      </c>
      <c r="C1428" s="18"/>
    </row>
    <row r="1429" spans="1:3" x14ac:dyDescent="0.25">
      <c r="A1429" s="17" t="s">
        <v>464</v>
      </c>
      <c r="B1429" s="15">
        <v>40081</v>
      </c>
      <c r="C1429" s="18"/>
    </row>
    <row r="1430" spans="1:3" x14ac:dyDescent="0.25">
      <c r="A1430" s="17" t="s">
        <v>1378</v>
      </c>
      <c r="B1430" s="15">
        <v>41743</v>
      </c>
      <c r="C1430" s="18"/>
    </row>
    <row r="1431" spans="1:3" x14ac:dyDescent="0.25">
      <c r="A1431" s="17" t="s">
        <v>1297</v>
      </c>
      <c r="B1431" s="15">
        <v>41603</v>
      </c>
      <c r="C1431" s="18"/>
    </row>
    <row r="1432" spans="1:3" ht="30" x14ac:dyDescent="0.25">
      <c r="A1432" s="12" t="s">
        <v>2289</v>
      </c>
      <c r="B1432" s="15" t="s">
        <v>2290</v>
      </c>
      <c r="C1432" s="14"/>
    </row>
    <row r="1433" spans="1:3" x14ac:dyDescent="0.25">
      <c r="A1433" s="17" t="s">
        <v>1008</v>
      </c>
      <c r="B1433" s="15">
        <v>40974</v>
      </c>
      <c r="C1433" s="18"/>
    </row>
    <row r="1434" spans="1:3" x14ac:dyDescent="0.25">
      <c r="A1434" s="17" t="s">
        <v>855</v>
      </c>
      <c r="B1434" s="15">
        <v>40696</v>
      </c>
      <c r="C1434" s="18"/>
    </row>
    <row r="1435" spans="1:3" ht="30" x14ac:dyDescent="0.25">
      <c r="A1435" s="17" t="s">
        <v>1833</v>
      </c>
      <c r="B1435" s="15" t="s">
        <v>1834</v>
      </c>
      <c r="C1435" s="18"/>
    </row>
    <row r="1436" spans="1:3" x14ac:dyDescent="0.25">
      <c r="A1436" s="17" t="s">
        <v>526</v>
      </c>
      <c r="B1436" s="15">
        <v>40168</v>
      </c>
      <c r="C1436" s="18"/>
    </row>
    <row r="1437" spans="1:3" x14ac:dyDescent="0.25">
      <c r="A1437" s="17" t="s">
        <v>520</v>
      </c>
      <c r="B1437" s="15">
        <v>40158</v>
      </c>
      <c r="C1437" s="18"/>
    </row>
    <row r="1438" spans="1:3" x14ac:dyDescent="0.25">
      <c r="A1438" s="17" t="s">
        <v>1772</v>
      </c>
      <c r="B1438" s="15">
        <v>42439</v>
      </c>
      <c r="C1438" s="18"/>
    </row>
    <row r="1439" spans="1:3" x14ac:dyDescent="0.25">
      <c r="A1439" s="17" t="s">
        <v>1051</v>
      </c>
      <c r="B1439" s="15">
        <v>41079</v>
      </c>
      <c r="C1439" s="18"/>
    </row>
    <row r="1440" spans="1:3" ht="30" x14ac:dyDescent="0.25">
      <c r="A1440" s="12" t="s">
        <v>2566</v>
      </c>
      <c r="B1440" s="15" t="s">
        <v>2567</v>
      </c>
      <c r="C1440" s="14"/>
    </row>
    <row r="1441" spans="1:3" x14ac:dyDescent="0.25">
      <c r="A1441" s="12" t="s">
        <v>2498</v>
      </c>
      <c r="B1441" s="15">
        <v>43559</v>
      </c>
      <c r="C1441" s="14"/>
    </row>
    <row r="1442" spans="1:3" x14ac:dyDescent="0.25">
      <c r="A1442" s="17" t="s">
        <v>1383</v>
      </c>
      <c r="B1442" s="15">
        <v>41750</v>
      </c>
      <c r="C1442" s="18"/>
    </row>
    <row r="1443" spans="1:3" x14ac:dyDescent="0.25">
      <c r="A1443" s="17" t="s">
        <v>177</v>
      </c>
      <c r="B1443" s="15">
        <v>39798</v>
      </c>
      <c r="C1443" s="18"/>
    </row>
    <row r="1444" spans="1:3" x14ac:dyDescent="0.25">
      <c r="A1444" s="17" t="s">
        <v>887</v>
      </c>
      <c r="B1444" s="15">
        <v>40756</v>
      </c>
      <c r="C1444" s="18"/>
    </row>
    <row r="1445" spans="1:3" x14ac:dyDescent="0.25">
      <c r="A1445" s="12" t="s">
        <v>2199</v>
      </c>
      <c r="B1445" s="15">
        <v>43013</v>
      </c>
      <c r="C1445" s="14"/>
    </row>
    <row r="1446" spans="1:3" x14ac:dyDescent="0.25">
      <c r="A1446" s="17" t="s">
        <v>645</v>
      </c>
      <c r="B1446" s="15">
        <v>40338</v>
      </c>
      <c r="C1446" s="18"/>
    </row>
    <row r="1447" spans="1:3" x14ac:dyDescent="0.25">
      <c r="A1447" s="17" t="s">
        <v>1848</v>
      </c>
      <c r="B1447" s="15">
        <v>42541</v>
      </c>
      <c r="C1447" s="18"/>
    </row>
    <row r="1448" spans="1:3" x14ac:dyDescent="0.25">
      <c r="A1448" s="12" t="s">
        <v>2858</v>
      </c>
      <c r="B1448" s="24" t="s">
        <v>2859</v>
      </c>
      <c r="C1448" s="14"/>
    </row>
    <row r="1449" spans="1:3" x14ac:dyDescent="0.25">
      <c r="A1449" s="17" t="s">
        <v>88</v>
      </c>
      <c r="B1449" s="15">
        <v>39596</v>
      </c>
      <c r="C1449" s="18"/>
    </row>
    <row r="1450" spans="1:3" ht="45" x14ac:dyDescent="0.25">
      <c r="A1450" s="12" t="s">
        <v>2752</v>
      </c>
      <c r="B1450" s="13" t="s">
        <v>2753</v>
      </c>
      <c r="C1450" s="14"/>
    </row>
    <row r="1451" spans="1:3" ht="30" x14ac:dyDescent="0.25">
      <c r="A1451" s="17" t="s">
        <v>1090</v>
      </c>
      <c r="B1451" s="15">
        <v>41136</v>
      </c>
      <c r="C1451" s="18"/>
    </row>
    <row r="1452" spans="1:3" x14ac:dyDescent="0.25">
      <c r="A1452" s="12" t="s">
        <v>2479</v>
      </c>
      <c r="B1452" s="15">
        <v>43494</v>
      </c>
      <c r="C1452" s="14"/>
    </row>
    <row r="1453" spans="1:3" x14ac:dyDescent="0.25">
      <c r="A1453" s="17" t="s">
        <v>386</v>
      </c>
      <c r="B1453" s="15">
        <v>39983</v>
      </c>
      <c r="C1453" s="18"/>
    </row>
    <row r="1454" spans="1:3" x14ac:dyDescent="0.25">
      <c r="A1454" s="17" t="s">
        <v>24</v>
      </c>
      <c r="B1454" s="15">
        <v>38979</v>
      </c>
      <c r="C1454" s="18"/>
    </row>
    <row r="1455" spans="1:3" x14ac:dyDescent="0.25">
      <c r="A1455" s="17" t="s">
        <v>1699</v>
      </c>
      <c r="B1455" s="15">
        <v>42310</v>
      </c>
      <c r="C1455" s="18"/>
    </row>
    <row r="1456" spans="1:3" ht="30" x14ac:dyDescent="0.25">
      <c r="A1456" s="17" t="s">
        <v>1736</v>
      </c>
      <c r="B1456" s="15" t="s">
        <v>1737</v>
      </c>
      <c r="C1456" s="18"/>
    </row>
    <row r="1457" spans="1:3" x14ac:dyDescent="0.25">
      <c r="A1457" s="17" t="s">
        <v>1048</v>
      </c>
      <c r="B1457" s="15">
        <v>41074</v>
      </c>
      <c r="C1457" s="18"/>
    </row>
    <row r="1458" spans="1:3" x14ac:dyDescent="0.25">
      <c r="A1458" s="17" t="s">
        <v>1836</v>
      </c>
      <c r="B1458" s="15">
        <v>42520</v>
      </c>
      <c r="C1458" s="18"/>
    </row>
    <row r="1459" spans="1:3" ht="30" x14ac:dyDescent="0.25">
      <c r="A1459" s="17" t="s">
        <v>1092</v>
      </c>
      <c r="B1459" s="15">
        <v>41141</v>
      </c>
      <c r="C1459" s="18"/>
    </row>
    <row r="1460" spans="1:3" x14ac:dyDescent="0.25">
      <c r="A1460" s="12" t="s">
        <v>2192</v>
      </c>
      <c r="B1460" s="15">
        <v>43005</v>
      </c>
      <c r="C1460" s="14"/>
    </row>
    <row r="1461" spans="1:3" ht="30" x14ac:dyDescent="0.25">
      <c r="A1461" s="12" t="s">
        <v>2736</v>
      </c>
      <c r="B1461" s="16">
        <v>44259</v>
      </c>
      <c r="C1461" s="14"/>
    </row>
    <row r="1462" spans="1:3" x14ac:dyDescent="0.25">
      <c r="A1462" s="12" t="s">
        <v>2909</v>
      </c>
      <c r="B1462" s="24" t="s">
        <v>2910</v>
      </c>
      <c r="C1462" s="14"/>
    </row>
    <row r="1463" spans="1:3" x14ac:dyDescent="0.25">
      <c r="A1463" s="12" t="s">
        <v>2197</v>
      </c>
      <c r="B1463" s="15">
        <v>43010</v>
      </c>
      <c r="C1463" s="14"/>
    </row>
    <row r="1464" spans="1:3" ht="45" x14ac:dyDescent="0.25">
      <c r="A1464" s="12" t="s">
        <v>2160</v>
      </c>
      <c r="B1464" s="15" t="s">
        <v>2161</v>
      </c>
      <c r="C1464" s="14"/>
    </row>
    <row r="1465" spans="1:3" x14ac:dyDescent="0.25">
      <c r="A1465" s="12" t="s">
        <v>3068</v>
      </c>
      <c r="B1465" s="16">
        <v>45054</v>
      </c>
      <c r="C1465" s="14"/>
    </row>
    <row r="1466" spans="1:3" x14ac:dyDescent="0.25">
      <c r="A1466" s="12" t="s">
        <v>3093</v>
      </c>
      <c r="B1466" s="24" t="s">
        <v>3094</v>
      </c>
      <c r="C1466" s="14"/>
    </row>
    <row r="1467" spans="1:3" ht="30" x14ac:dyDescent="0.25">
      <c r="A1467" s="17" t="s">
        <v>148</v>
      </c>
      <c r="B1467" s="15" t="s">
        <v>149</v>
      </c>
      <c r="C1467" s="18"/>
    </row>
    <row r="1468" spans="1:3" x14ac:dyDescent="0.25">
      <c r="A1468" s="12" t="s">
        <v>1980</v>
      </c>
      <c r="B1468" s="15">
        <v>42737</v>
      </c>
      <c r="C1468" s="14"/>
    </row>
    <row r="1469" spans="1:3" x14ac:dyDescent="0.25">
      <c r="A1469" s="12" t="s">
        <v>2542</v>
      </c>
      <c r="B1469" s="15">
        <v>43628</v>
      </c>
      <c r="C1469" s="14"/>
    </row>
    <row r="1470" spans="1:3" ht="30" x14ac:dyDescent="0.25">
      <c r="A1470" s="12" t="s">
        <v>2690</v>
      </c>
      <c r="B1470" s="15" t="s">
        <v>2691</v>
      </c>
      <c r="C1470" s="14"/>
    </row>
    <row r="1471" spans="1:3" x14ac:dyDescent="0.25">
      <c r="A1471" s="17" t="s">
        <v>812</v>
      </c>
      <c r="B1471" s="15">
        <v>40609</v>
      </c>
      <c r="C1471" s="18"/>
    </row>
    <row r="1472" spans="1:3" x14ac:dyDescent="0.25">
      <c r="A1472" s="17" t="s">
        <v>1272</v>
      </c>
      <c r="B1472" s="15">
        <v>41540</v>
      </c>
      <c r="C1472" s="18"/>
    </row>
    <row r="1473" spans="1:3" x14ac:dyDescent="0.25">
      <c r="A1473" s="17" t="s">
        <v>1238</v>
      </c>
      <c r="B1473" s="15">
        <v>41481</v>
      </c>
      <c r="C1473" s="18"/>
    </row>
    <row r="1474" spans="1:3" x14ac:dyDescent="0.25">
      <c r="A1474" s="17" t="s">
        <v>141</v>
      </c>
      <c r="B1474" s="15">
        <v>39745</v>
      </c>
      <c r="C1474" s="18"/>
    </row>
    <row r="1475" spans="1:3" ht="45" x14ac:dyDescent="0.25">
      <c r="A1475" s="17" t="s">
        <v>619</v>
      </c>
      <c r="B1475" s="15">
        <v>40312</v>
      </c>
      <c r="C1475" s="18"/>
    </row>
    <row r="1476" spans="1:3" ht="60" x14ac:dyDescent="0.25">
      <c r="A1476" s="20" t="s">
        <v>3208</v>
      </c>
      <c r="B1476" s="35" t="s">
        <v>3209</v>
      </c>
      <c r="C1476" s="42">
        <v>45562</v>
      </c>
    </row>
    <row r="1477" spans="1:3" x14ac:dyDescent="0.25">
      <c r="A1477" s="12" t="s">
        <v>3119</v>
      </c>
      <c r="B1477" s="16">
        <v>45203</v>
      </c>
      <c r="C1477" s="14"/>
    </row>
    <row r="1478" spans="1:3" ht="45" x14ac:dyDescent="0.25">
      <c r="A1478" s="17" t="s">
        <v>1887</v>
      </c>
      <c r="B1478" s="15" t="s">
        <v>1888</v>
      </c>
      <c r="C1478" s="18"/>
    </row>
    <row r="1479" spans="1:3" x14ac:dyDescent="0.25">
      <c r="A1479" s="17" t="s">
        <v>797</v>
      </c>
      <c r="B1479" s="15">
        <v>40591</v>
      </c>
      <c r="C1479" s="18"/>
    </row>
    <row r="1480" spans="1:3" x14ac:dyDescent="0.25">
      <c r="A1480" s="17" t="s">
        <v>1439</v>
      </c>
      <c r="B1480" s="15">
        <v>41856</v>
      </c>
      <c r="C1480" s="18"/>
    </row>
    <row r="1481" spans="1:3" x14ac:dyDescent="0.25">
      <c r="A1481" s="17" t="s">
        <v>352</v>
      </c>
      <c r="B1481" s="15">
        <v>39968</v>
      </c>
      <c r="C1481" s="18"/>
    </row>
    <row r="1482" spans="1:3" x14ac:dyDescent="0.25">
      <c r="A1482" s="17" t="s">
        <v>1529</v>
      </c>
      <c r="B1482" s="15">
        <v>42001</v>
      </c>
      <c r="C1482" s="18"/>
    </row>
    <row r="1483" spans="1:3" x14ac:dyDescent="0.25">
      <c r="A1483" s="17" t="s">
        <v>533</v>
      </c>
      <c r="B1483" s="15">
        <v>40183</v>
      </c>
      <c r="C1483" s="18"/>
    </row>
    <row r="1484" spans="1:3" ht="105" x14ac:dyDescent="0.25">
      <c r="A1484" s="17" t="s">
        <v>73</v>
      </c>
      <c r="B1484" s="15" t="s">
        <v>74</v>
      </c>
      <c r="C1484" s="18"/>
    </row>
    <row r="1485" spans="1:3" x14ac:dyDescent="0.25">
      <c r="A1485" s="17" t="s">
        <v>1332</v>
      </c>
      <c r="B1485" s="15">
        <v>41681</v>
      </c>
      <c r="C1485" s="18"/>
    </row>
    <row r="1486" spans="1:3" ht="45" x14ac:dyDescent="0.25">
      <c r="A1486" s="12" t="s">
        <v>1954</v>
      </c>
      <c r="B1486" s="15" t="s">
        <v>1955</v>
      </c>
      <c r="C1486" s="14"/>
    </row>
    <row r="1487" spans="1:3" x14ac:dyDescent="0.25">
      <c r="A1487" s="17" t="s">
        <v>523</v>
      </c>
      <c r="B1487" s="15">
        <v>40163</v>
      </c>
      <c r="C1487" s="18"/>
    </row>
    <row r="1488" spans="1:3" x14ac:dyDescent="0.25">
      <c r="A1488" s="17" t="s">
        <v>1930</v>
      </c>
      <c r="B1488" s="15">
        <v>42674</v>
      </c>
      <c r="C1488" s="18"/>
    </row>
    <row r="1489" spans="1:3" ht="45" x14ac:dyDescent="0.25">
      <c r="A1489" s="17" t="s">
        <v>1147</v>
      </c>
      <c r="B1489" s="15" t="s">
        <v>1148</v>
      </c>
      <c r="C1489" s="18"/>
    </row>
    <row r="1490" spans="1:3" ht="45" x14ac:dyDescent="0.25">
      <c r="A1490" s="17" t="s">
        <v>989</v>
      </c>
      <c r="B1490" s="15" t="s">
        <v>990</v>
      </c>
      <c r="C1490" s="18"/>
    </row>
    <row r="1491" spans="1:3" ht="45" x14ac:dyDescent="0.25">
      <c r="A1491" s="17" t="s">
        <v>699</v>
      </c>
      <c r="B1491" s="15" t="s">
        <v>700</v>
      </c>
      <c r="C1491" s="18"/>
    </row>
    <row r="1492" spans="1:3" x14ac:dyDescent="0.25">
      <c r="A1492" s="12" t="s">
        <v>2772</v>
      </c>
      <c r="B1492" s="16">
        <v>44336</v>
      </c>
      <c r="C1492" s="14"/>
    </row>
    <row r="1493" spans="1:3" ht="45" x14ac:dyDescent="0.25">
      <c r="A1493" s="12" t="s">
        <v>2462</v>
      </c>
      <c r="B1493" s="15" t="s">
        <v>2463</v>
      </c>
      <c r="C1493" s="14"/>
    </row>
    <row r="1494" spans="1:3" x14ac:dyDescent="0.25">
      <c r="A1494" s="17" t="s">
        <v>1841</v>
      </c>
      <c r="B1494" s="15">
        <v>42531</v>
      </c>
      <c r="C1494" s="18"/>
    </row>
    <row r="1495" spans="1:3" x14ac:dyDescent="0.25">
      <c r="A1495" s="12" t="s">
        <v>2380</v>
      </c>
      <c r="B1495" s="15">
        <v>43307</v>
      </c>
      <c r="C1495" s="14"/>
    </row>
    <row r="1496" spans="1:3" x14ac:dyDescent="0.25">
      <c r="A1496" s="20" t="s">
        <v>3267</v>
      </c>
      <c r="B1496" s="21">
        <v>45870</v>
      </c>
      <c r="C1496" s="22"/>
    </row>
    <row r="1497" spans="1:3" x14ac:dyDescent="0.25">
      <c r="A1497" s="17" t="s">
        <v>777</v>
      </c>
      <c r="B1497" s="15">
        <v>40550</v>
      </c>
      <c r="C1497" s="18"/>
    </row>
    <row r="1498" spans="1:3" x14ac:dyDescent="0.25">
      <c r="A1498" s="17" t="s">
        <v>1753</v>
      </c>
      <c r="B1498" s="15">
        <v>42402</v>
      </c>
      <c r="C1498" s="18"/>
    </row>
    <row r="1499" spans="1:3" x14ac:dyDescent="0.25">
      <c r="A1499" s="17" t="s">
        <v>1195</v>
      </c>
      <c r="B1499" s="15">
        <v>41373</v>
      </c>
      <c r="C1499" s="18"/>
    </row>
    <row r="1500" spans="1:3" x14ac:dyDescent="0.25">
      <c r="A1500" s="17" t="s">
        <v>584</v>
      </c>
      <c r="B1500" s="15">
        <v>40249</v>
      </c>
      <c r="C1500" s="18"/>
    </row>
    <row r="1501" spans="1:3" x14ac:dyDescent="0.25">
      <c r="A1501" s="17" t="s">
        <v>145</v>
      </c>
      <c r="B1501" s="15">
        <v>39752</v>
      </c>
      <c r="C1501" s="18"/>
    </row>
    <row r="1502" spans="1:3" ht="45" x14ac:dyDescent="0.25">
      <c r="A1502" s="17" t="s">
        <v>482</v>
      </c>
      <c r="B1502" s="15" t="s">
        <v>483</v>
      </c>
      <c r="C1502" s="18"/>
    </row>
    <row r="1503" spans="1:3" x14ac:dyDescent="0.25">
      <c r="A1503" s="17" t="s">
        <v>1131</v>
      </c>
      <c r="B1503" s="15">
        <v>41200</v>
      </c>
      <c r="C1503" s="18"/>
    </row>
    <row r="1504" spans="1:3" x14ac:dyDescent="0.25">
      <c r="A1504" s="12" t="s">
        <v>2488</v>
      </c>
      <c r="B1504" s="15">
        <v>43529</v>
      </c>
      <c r="C1504" s="14"/>
    </row>
    <row r="1505" spans="1:3" x14ac:dyDescent="0.25">
      <c r="A1505" s="20" t="s">
        <v>3278</v>
      </c>
      <c r="B1505" s="21">
        <v>45937</v>
      </c>
      <c r="C1505" s="22"/>
    </row>
    <row r="1506" spans="1:3" x14ac:dyDescent="0.25">
      <c r="A1506" s="17" t="s">
        <v>524</v>
      </c>
      <c r="B1506" s="15">
        <v>40163</v>
      </c>
      <c r="C1506" s="18"/>
    </row>
    <row r="1507" spans="1:3" ht="45" x14ac:dyDescent="0.25">
      <c r="A1507" s="17" t="s">
        <v>577</v>
      </c>
      <c r="B1507" s="15">
        <v>40245</v>
      </c>
      <c r="C1507" s="18"/>
    </row>
    <row r="1508" spans="1:3" x14ac:dyDescent="0.25">
      <c r="A1508" s="17" t="s">
        <v>1215</v>
      </c>
      <c r="B1508" s="15">
        <v>41442</v>
      </c>
      <c r="C1508" s="18"/>
    </row>
    <row r="1509" spans="1:3" ht="75" x14ac:dyDescent="0.25">
      <c r="A1509" s="12" t="s">
        <v>2547</v>
      </c>
      <c r="B1509" s="15" t="s">
        <v>2548</v>
      </c>
      <c r="C1509" s="27">
        <v>43630</v>
      </c>
    </row>
    <row r="1510" spans="1:3" ht="60" x14ac:dyDescent="0.25">
      <c r="A1510" s="43" t="s">
        <v>5</v>
      </c>
      <c r="B1510" s="15" t="s">
        <v>6</v>
      </c>
      <c r="C1510" s="27">
        <v>40161</v>
      </c>
    </row>
    <row r="1511" spans="1:3" ht="60" x14ac:dyDescent="0.25">
      <c r="A1511" s="43" t="str">
        <f>A1510</f>
        <v>Merrill Lynch, Pierce, Fenner &amp; Smith Incorporated* 
*See specific qualifications regarding this firm’s Broker Protocol joinder in the attached Master List of Protocol Members with Joinder Qualifications</v>
      </c>
      <c r="B1511" s="15" t="str">
        <f>B1510</f>
        <v>Founding Member</v>
      </c>
      <c r="C1511" s="44" t="s">
        <v>7</v>
      </c>
    </row>
    <row r="1512" spans="1:3" ht="30" x14ac:dyDescent="0.25">
      <c r="A1512" s="17" t="s">
        <v>933</v>
      </c>
      <c r="B1512" s="15">
        <v>40868</v>
      </c>
      <c r="C1512" s="18"/>
    </row>
    <row r="1513" spans="1:3" x14ac:dyDescent="0.25">
      <c r="A1513" s="17" t="s">
        <v>727</v>
      </c>
      <c r="B1513" s="15" t="s">
        <v>728</v>
      </c>
      <c r="C1513" s="18"/>
    </row>
    <row r="1514" spans="1:3" ht="60" x14ac:dyDescent="0.25">
      <c r="A1514" s="17" t="s">
        <v>1539</v>
      </c>
      <c r="B1514" s="15" t="s">
        <v>1540</v>
      </c>
      <c r="C1514" s="27">
        <v>42011</v>
      </c>
    </row>
    <row r="1515" spans="1:3" x14ac:dyDescent="0.25">
      <c r="A1515" s="12" t="s">
        <v>2216</v>
      </c>
      <c r="B1515" s="15">
        <v>43026</v>
      </c>
      <c r="C1515" s="14"/>
    </row>
    <row r="1516" spans="1:3" x14ac:dyDescent="0.25">
      <c r="A1516" s="17" t="s">
        <v>1857</v>
      </c>
      <c r="B1516" s="15">
        <v>42551</v>
      </c>
      <c r="C1516" s="18"/>
    </row>
    <row r="1517" spans="1:3" ht="45" x14ac:dyDescent="0.25">
      <c r="A1517" s="17" t="s">
        <v>1853</v>
      </c>
      <c r="B1517" s="15" t="s">
        <v>1854</v>
      </c>
      <c r="C1517" s="18"/>
    </row>
    <row r="1518" spans="1:3" x14ac:dyDescent="0.25">
      <c r="A1518" s="12" t="s">
        <v>2364</v>
      </c>
      <c r="B1518" s="15">
        <v>43279</v>
      </c>
      <c r="C1518" s="14"/>
    </row>
    <row r="1519" spans="1:3" x14ac:dyDescent="0.25">
      <c r="A1519" s="12" t="s">
        <v>3056</v>
      </c>
      <c r="B1519" s="16">
        <v>45027</v>
      </c>
      <c r="C1519" s="14"/>
    </row>
    <row r="1520" spans="1:3" x14ac:dyDescent="0.25">
      <c r="A1520" s="17" t="s">
        <v>36</v>
      </c>
      <c r="B1520" s="15">
        <v>39114</v>
      </c>
      <c r="C1520" s="18"/>
    </row>
    <row r="1521" spans="1:3" ht="30" x14ac:dyDescent="0.25">
      <c r="A1521" s="17" t="s">
        <v>937</v>
      </c>
      <c r="B1521" s="15">
        <v>40877</v>
      </c>
      <c r="C1521" s="18"/>
    </row>
    <row r="1522" spans="1:3" x14ac:dyDescent="0.25">
      <c r="A1522" s="17" t="s">
        <v>336</v>
      </c>
      <c r="B1522" s="15">
        <v>39948</v>
      </c>
      <c r="C1522" s="18"/>
    </row>
    <row r="1523" spans="1:3" ht="45" x14ac:dyDescent="0.25">
      <c r="A1523" s="12" t="s">
        <v>2704</v>
      </c>
      <c r="B1523" s="13" t="s">
        <v>2705</v>
      </c>
      <c r="C1523" s="14"/>
    </row>
    <row r="1524" spans="1:3" x14ac:dyDescent="0.25">
      <c r="A1524" s="17" t="s">
        <v>92</v>
      </c>
      <c r="B1524" s="15">
        <v>39605</v>
      </c>
      <c r="C1524" s="18"/>
    </row>
    <row r="1525" spans="1:3" x14ac:dyDescent="0.25">
      <c r="A1525" s="17" t="s">
        <v>1157</v>
      </c>
      <c r="B1525" s="15">
        <v>41264</v>
      </c>
      <c r="C1525" s="18"/>
    </row>
    <row r="1526" spans="1:3" x14ac:dyDescent="0.25">
      <c r="A1526" s="17" t="s">
        <v>806</v>
      </c>
      <c r="B1526" s="15">
        <v>40599</v>
      </c>
      <c r="C1526" s="18"/>
    </row>
    <row r="1527" spans="1:3" x14ac:dyDescent="0.25">
      <c r="A1527" s="17" t="s">
        <v>1674</v>
      </c>
      <c r="B1527" s="15">
        <v>42276</v>
      </c>
      <c r="C1527" s="18"/>
    </row>
    <row r="1528" spans="1:3" x14ac:dyDescent="0.25">
      <c r="A1528" s="12" t="s">
        <v>2186</v>
      </c>
      <c r="B1528" s="15">
        <v>42996</v>
      </c>
      <c r="C1528" s="14"/>
    </row>
    <row r="1529" spans="1:3" x14ac:dyDescent="0.25">
      <c r="A1529" s="17" t="s">
        <v>25</v>
      </c>
      <c r="B1529" s="15" t="s">
        <v>26</v>
      </c>
      <c r="C1529" s="18"/>
    </row>
    <row r="1530" spans="1:3" x14ac:dyDescent="0.25">
      <c r="A1530" s="17" t="s">
        <v>816</v>
      </c>
      <c r="B1530" s="15">
        <v>40612</v>
      </c>
      <c r="C1530" s="18"/>
    </row>
    <row r="1531" spans="1:3" ht="60" x14ac:dyDescent="0.25">
      <c r="A1531" s="17" t="s">
        <v>1880</v>
      </c>
      <c r="B1531" s="15" t="s">
        <v>1881</v>
      </c>
      <c r="C1531" s="18"/>
    </row>
    <row r="1532" spans="1:3" x14ac:dyDescent="0.25">
      <c r="A1532" s="12" t="s">
        <v>2468</v>
      </c>
      <c r="B1532" s="15">
        <v>43466</v>
      </c>
      <c r="C1532" s="14"/>
    </row>
    <row r="1533" spans="1:3" x14ac:dyDescent="0.25">
      <c r="A1533" s="17" t="s">
        <v>1264</v>
      </c>
      <c r="B1533" s="15">
        <v>41522</v>
      </c>
      <c r="C1533" s="18"/>
    </row>
    <row r="1534" spans="1:3" x14ac:dyDescent="0.25">
      <c r="A1534" s="17" t="s">
        <v>1552</v>
      </c>
      <c r="B1534" s="15">
        <v>42026</v>
      </c>
      <c r="C1534" s="18"/>
    </row>
    <row r="1535" spans="1:3" x14ac:dyDescent="0.25">
      <c r="A1535" s="12" t="s">
        <v>3159</v>
      </c>
      <c r="B1535" s="16">
        <v>45371</v>
      </c>
      <c r="C1535" s="14"/>
    </row>
    <row r="1536" spans="1:3" x14ac:dyDescent="0.25">
      <c r="A1536" s="12" t="s">
        <v>2497</v>
      </c>
      <c r="B1536" s="15">
        <v>43558</v>
      </c>
      <c r="C1536" s="14"/>
    </row>
    <row r="1537" spans="1:3" ht="30" x14ac:dyDescent="0.25">
      <c r="A1537" s="17" t="s">
        <v>1651</v>
      </c>
      <c r="B1537" s="15" t="s">
        <v>1652</v>
      </c>
      <c r="C1537" s="18"/>
    </row>
    <row r="1538" spans="1:3" x14ac:dyDescent="0.25">
      <c r="A1538" s="12" t="s">
        <v>2241</v>
      </c>
      <c r="B1538" s="15">
        <v>43060</v>
      </c>
      <c r="C1538" s="14"/>
    </row>
    <row r="1539" spans="1:3" ht="90" x14ac:dyDescent="0.25">
      <c r="A1539" s="17" t="s">
        <v>1637</v>
      </c>
      <c r="B1539" s="15" t="s">
        <v>1638</v>
      </c>
      <c r="C1539" s="18"/>
    </row>
    <row r="1540" spans="1:3" x14ac:dyDescent="0.25">
      <c r="A1540" s="12" t="s">
        <v>2737</v>
      </c>
      <c r="B1540" s="16">
        <v>44259</v>
      </c>
      <c r="C1540" s="14"/>
    </row>
    <row r="1541" spans="1:3" x14ac:dyDescent="0.25">
      <c r="A1541" s="17" t="s">
        <v>904</v>
      </c>
      <c r="B1541" s="15">
        <v>40814</v>
      </c>
      <c r="C1541" s="18"/>
    </row>
    <row r="1542" spans="1:3" x14ac:dyDescent="0.25">
      <c r="A1542" s="12" t="s">
        <v>2598</v>
      </c>
      <c r="B1542" s="15">
        <v>43741</v>
      </c>
      <c r="C1542" s="14"/>
    </row>
    <row r="1543" spans="1:3" x14ac:dyDescent="0.25">
      <c r="A1543" s="17" t="s">
        <v>1035</v>
      </c>
      <c r="B1543" s="15">
        <v>41051</v>
      </c>
      <c r="C1543" s="18"/>
    </row>
    <row r="1544" spans="1:3" x14ac:dyDescent="0.25">
      <c r="A1544" s="12" t="s">
        <v>3157</v>
      </c>
      <c r="B1544" s="16">
        <v>45348</v>
      </c>
      <c r="C1544" s="14"/>
    </row>
    <row r="1545" spans="1:3" ht="60" x14ac:dyDescent="0.25">
      <c r="A1545" s="12" t="s">
        <v>2897</v>
      </c>
      <c r="B1545" s="24" t="s">
        <v>2898</v>
      </c>
      <c r="C1545" s="27">
        <v>44594</v>
      </c>
    </row>
    <row r="1546" spans="1:3" x14ac:dyDescent="0.25">
      <c r="A1546" s="12" t="s">
        <v>2252</v>
      </c>
      <c r="B1546" s="15">
        <v>43069</v>
      </c>
      <c r="C1546" s="14"/>
    </row>
    <row r="1547" spans="1:3" x14ac:dyDescent="0.25">
      <c r="A1547" s="17" t="s">
        <v>1665</v>
      </c>
      <c r="B1547" s="15">
        <v>42262</v>
      </c>
      <c r="C1547" s="18"/>
    </row>
    <row r="1548" spans="1:3" x14ac:dyDescent="0.25">
      <c r="A1548" s="12" t="s">
        <v>2051</v>
      </c>
      <c r="B1548" s="15">
        <v>42816</v>
      </c>
      <c r="C1548" s="14"/>
    </row>
    <row r="1549" spans="1:3" x14ac:dyDescent="0.25">
      <c r="A1549" s="12" t="s">
        <v>3190</v>
      </c>
      <c r="B1549" s="16" t="s">
        <v>3191</v>
      </c>
      <c r="C1549" s="14"/>
    </row>
    <row r="1550" spans="1:3" x14ac:dyDescent="0.25">
      <c r="A1550" s="17" t="s">
        <v>119</v>
      </c>
      <c r="B1550" s="15">
        <v>39689</v>
      </c>
      <c r="C1550" s="18"/>
    </row>
    <row r="1551" spans="1:3" x14ac:dyDescent="0.25">
      <c r="A1551" s="12" t="s">
        <v>2115</v>
      </c>
      <c r="B1551" s="15">
        <v>42891</v>
      </c>
      <c r="C1551" s="14"/>
    </row>
    <row r="1552" spans="1:3" ht="30" x14ac:dyDescent="0.25">
      <c r="A1552" s="17" t="s">
        <v>1553</v>
      </c>
      <c r="B1552" s="15">
        <v>42032</v>
      </c>
      <c r="C1552" s="18"/>
    </row>
    <row r="1553" spans="1:3" x14ac:dyDescent="0.25">
      <c r="A1553" s="17" t="s">
        <v>465</v>
      </c>
      <c r="B1553" s="15">
        <v>40081</v>
      </c>
      <c r="C1553" s="18"/>
    </row>
    <row r="1554" spans="1:3" x14ac:dyDescent="0.25">
      <c r="A1554" s="12" t="s">
        <v>2157</v>
      </c>
      <c r="B1554" s="15">
        <v>42962</v>
      </c>
      <c r="C1554" s="14"/>
    </row>
    <row r="1555" spans="1:3" x14ac:dyDescent="0.25">
      <c r="A1555" s="12" t="s">
        <v>2153</v>
      </c>
      <c r="B1555" s="15">
        <v>42957</v>
      </c>
      <c r="C1555" s="14"/>
    </row>
    <row r="1556" spans="1:3" x14ac:dyDescent="0.25">
      <c r="A1556" s="17" t="s">
        <v>963</v>
      </c>
      <c r="B1556" s="15">
        <v>40920</v>
      </c>
      <c r="C1556" s="18"/>
    </row>
    <row r="1557" spans="1:3" x14ac:dyDescent="0.25">
      <c r="A1557" s="17" t="s">
        <v>1624</v>
      </c>
      <c r="B1557" s="15">
        <v>42184</v>
      </c>
      <c r="C1557" s="18"/>
    </row>
    <row r="1558" spans="1:3" ht="30" x14ac:dyDescent="0.25">
      <c r="A1558" s="17" t="s">
        <v>1150</v>
      </c>
      <c r="B1558" s="15" t="s">
        <v>1151</v>
      </c>
      <c r="C1558" s="18"/>
    </row>
    <row r="1559" spans="1:3" ht="30" x14ac:dyDescent="0.25">
      <c r="A1559" s="17" t="s">
        <v>143</v>
      </c>
      <c r="B1559" s="15" t="s">
        <v>144</v>
      </c>
      <c r="C1559" s="18"/>
    </row>
    <row r="1560" spans="1:3" x14ac:dyDescent="0.25">
      <c r="A1560" s="17" t="s">
        <v>1273</v>
      </c>
      <c r="B1560" s="15">
        <v>41544</v>
      </c>
      <c r="C1560" s="18"/>
    </row>
    <row r="1561" spans="1:3" x14ac:dyDescent="0.25">
      <c r="A1561" s="17" t="s">
        <v>255</v>
      </c>
      <c r="B1561" s="15">
        <v>39888</v>
      </c>
      <c r="C1561" s="18"/>
    </row>
    <row r="1562" spans="1:3" x14ac:dyDescent="0.25">
      <c r="A1562" s="17" t="s">
        <v>27</v>
      </c>
      <c r="B1562" s="15" t="s">
        <v>28</v>
      </c>
      <c r="C1562" s="18"/>
    </row>
    <row r="1563" spans="1:3" ht="45" x14ac:dyDescent="0.25">
      <c r="A1563" s="17" t="s">
        <v>350</v>
      </c>
      <c r="B1563" s="15" t="s">
        <v>351</v>
      </c>
      <c r="C1563" s="18"/>
    </row>
    <row r="1564" spans="1:3" x14ac:dyDescent="0.25">
      <c r="A1564" s="12" t="s">
        <v>2320</v>
      </c>
      <c r="B1564" s="15">
        <v>43194</v>
      </c>
      <c r="C1564" s="14"/>
    </row>
    <row r="1565" spans="1:3" x14ac:dyDescent="0.25">
      <c r="A1565" s="17" t="s">
        <v>723</v>
      </c>
      <c r="B1565" s="15">
        <v>40451</v>
      </c>
      <c r="C1565" s="18"/>
    </row>
    <row r="1566" spans="1:3" x14ac:dyDescent="0.25">
      <c r="A1566" s="12" t="s">
        <v>2191</v>
      </c>
      <c r="B1566" s="15">
        <v>43004</v>
      </c>
      <c r="C1566" s="14"/>
    </row>
    <row r="1567" spans="1:3" ht="30" x14ac:dyDescent="0.25">
      <c r="A1567" s="12" t="s">
        <v>1970</v>
      </c>
      <c r="B1567" s="15" t="s">
        <v>1971</v>
      </c>
      <c r="C1567" s="14"/>
    </row>
    <row r="1568" spans="1:3" x14ac:dyDescent="0.25">
      <c r="A1568" s="17" t="s">
        <v>807</v>
      </c>
      <c r="B1568" s="15">
        <v>40602</v>
      </c>
      <c r="C1568" s="18"/>
    </row>
    <row r="1569" spans="1:3" x14ac:dyDescent="0.25">
      <c r="A1569" s="17" t="s">
        <v>1575</v>
      </c>
      <c r="B1569" s="15">
        <v>42089</v>
      </c>
      <c r="C1569" s="18"/>
    </row>
    <row r="1570" spans="1:3" ht="30" x14ac:dyDescent="0.25">
      <c r="A1570" s="17" t="s">
        <v>1438</v>
      </c>
      <c r="B1570" s="15">
        <v>41856</v>
      </c>
      <c r="C1570" s="18"/>
    </row>
    <row r="1571" spans="1:3" x14ac:dyDescent="0.25">
      <c r="A1571" s="12" t="s">
        <v>2729</v>
      </c>
      <c r="B1571" s="16">
        <v>44243</v>
      </c>
      <c r="C1571" s="14"/>
    </row>
    <row r="1572" spans="1:3" x14ac:dyDescent="0.25">
      <c r="A1572" s="17" t="s">
        <v>1907</v>
      </c>
      <c r="B1572" s="15">
        <v>42641</v>
      </c>
      <c r="C1572" s="18"/>
    </row>
    <row r="1573" spans="1:3" x14ac:dyDescent="0.25">
      <c r="A1573" s="12" t="s">
        <v>2129</v>
      </c>
      <c r="B1573" s="15">
        <v>42902</v>
      </c>
      <c r="C1573" s="14"/>
    </row>
    <row r="1574" spans="1:3" ht="30" x14ac:dyDescent="0.25">
      <c r="A1574" s="12" t="s">
        <v>2869</v>
      </c>
      <c r="B1574" s="24" t="s">
        <v>2870</v>
      </c>
      <c r="C1574" s="14"/>
    </row>
    <row r="1575" spans="1:3" x14ac:dyDescent="0.25">
      <c r="A1575" s="17" t="s">
        <v>927</v>
      </c>
      <c r="B1575" s="15">
        <v>40850</v>
      </c>
      <c r="C1575" s="18"/>
    </row>
    <row r="1576" spans="1:3" x14ac:dyDescent="0.25">
      <c r="A1576" s="17" t="s">
        <v>209</v>
      </c>
      <c r="B1576" s="15">
        <v>39846</v>
      </c>
      <c r="C1576" s="18"/>
    </row>
    <row r="1577" spans="1:3" x14ac:dyDescent="0.25">
      <c r="A1577" s="12" t="s">
        <v>2698</v>
      </c>
      <c r="B1577" s="16">
        <v>44118</v>
      </c>
      <c r="C1577" s="14"/>
    </row>
    <row r="1578" spans="1:3" x14ac:dyDescent="0.25">
      <c r="A1578" s="12" t="s">
        <v>2070</v>
      </c>
      <c r="B1578" s="15">
        <v>42835</v>
      </c>
      <c r="C1578" s="14"/>
    </row>
    <row r="1579" spans="1:3" x14ac:dyDescent="0.25">
      <c r="A1579" s="12" t="s">
        <v>1972</v>
      </c>
      <c r="B1579" s="15">
        <v>42723</v>
      </c>
      <c r="C1579" s="14"/>
    </row>
    <row r="1580" spans="1:3" x14ac:dyDescent="0.25">
      <c r="A1580" s="17" t="s">
        <v>575</v>
      </c>
      <c r="B1580" s="15" t="s">
        <v>576</v>
      </c>
      <c r="C1580" s="18"/>
    </row>
    <row r="1581" spans="1:3" x14ac:dyDescent="0.25">
      <c r="A1581" s="17" t="s">
        <v>780</v>
      </c>
      <c r="B1581" s="15">
        <v>40556</v>
      </c>
      <c r="C1581" s="18"/>
    </row>
    <row r="1582" spans="1:3" ht="45" x14ac:dyDescent="0.25">
      <c r="A1582" s="12" t="s">
        <v>2490</v>
      </c>
      <c r="B1582" s="15" t="s">
        <v>2491</v>
      </c>
      <c r="C1582" s="14"/>
    </row>
    <row r="1583" spans="1:3" x14ac:dyDescent="0.25">
      <c r="A1583" s="12" t="s">
        <v>2913</v>
      </c>
      <c r="B1583" s="24" t="s">
        <v>2914</v>
      </c>
      <c r="C1583" s="14"/>
    </row>
    <row r="1584" spans="1:3" x14ac:dyDescent="0.25">
      <c r="A1584" s="17" t="s">
        <v>112</v>
      </c>
      <c r="B1584" s="15">
        <v>39675</v>
      </c>
      <c r="C1584" s="18"/>
    </row>
    <row r="1585" spans="1:3" x14ac:dyDescent="0.25">
      <c r="A1585" s="17" t="s">
        <v>740</v>
      </c>
      <c r="B1585" s="15">
        <v>40469</v>
      </c>
      <c r="C1585" s="18"/>
    </row>
    <row r="1586" spans="1:3" x14ac:dyDescent="0.25">
      <c r="A1586" s="17" t="s">
        <v>1071</v>
      </c>
      <c r="B1586" s="15">
        <v>41102</v>
      </c>
      <c r="C1586" s="18"/>
    </row>
    <row r="1587" spans="1:3" ht="30" x14ac:dyDescent="0.25">
      <c r="A1587" s="17" t="s">
        <v>1635</v>
      </c>
      <c r="B1587" s="15" t="s">
        <v>1636</v>
      </c>
      <c r="C1587" s="18"/>
    </row>
    <row r="1588" spans="1:3" ht="45" x14ac:dyDescent="0.25">
      <c r="A1588" s="12" t="s">
        <v>2604</v>
      </c>
      <c r="B1588" s="15" t="s">
        <v>2605</v>
      </c>
      <c r="C1588" s="14"/>
    </row>
    <row r="1589" spans="1:3" ht="30" x14ac:dyDescent="0.25">
      <c r="A1589" s="12" t="s">
        <v>2344</v>
      </c>
      <c r="B1589" s="15">
        <v>43238</v>
      </c>
      <c r="C1589" s="14"/>
    </row>
    <row r="1590" spans="1:3" x14ac:dyDescent="0.25">
      <c r="A1590" s="12" t="s">
        <v>2554</v>
      </c>
      <c r="B1590" s="15">
        <v>43635</v>
      </c>
      <c r="C1590" s="14"/>
    </row>
    <row r="1591" spans="1:3" ht="45" x14ac:dyDescent="0.25">
      <c r="A1591" s="17" t="s">
        <v>1012</v>
      </c>
      <c r="B1591" s="15" t="s">
        <v>1013</v>
      </c>
      <c r="C1591" s="18"/>
    </row>
    <row r="1592" spans="1:3" x14ac:dyDescent="0.25">
      <c r="A1592" s="12" t="s">
        <v>2010</v>
      </c>
      <c r="B1592" s="15">
        <v>42775</v>
      </c>
      <c r="C1592" s="14"/>
    </row>
    <row r="1593" spans="1:3" ht="30" x14ac:dyDescent="0.25">
      <c r="A1593" s="17" t="s">
        <v>514</v>
      </c>
      <c r="B1593" s="15" t="s">
        <v>515</v>
      </c>
      <c r="C1593" s="18"/>
    </row>
    <row r="1594" spans="1:3" ht="45" x14ac:dyDescent="0.25">
      <c r="A1594" s="17" t="s">
        <v>164</v>
      </c>
      <c r="B1594" s="15" t="s">
        <v>162</v>
      </c>
      <c r="C1594" s="18"/>
    </row>
    <row r="1595" spans="1:3" ht="30" x14ac:dyDescent="0.25">
      <c r="A1595" s="17" t="s">
        <v>415</v>
      </c>
      <c r="B1595" s="15" t="s">
        <v>416</v>
      </c>
      <c r="C1595" s="18"/>
    </row>
    <row r="1596" spans="1:3" x14ac:dyDescent="0.25">
      <c r="A1596" s="17" t="s">
        <v>1639</v>
      </c>
      <c r="B1596" s="15">
        <v>42202</v>
      </c>
      <c r="C1596" s="18"/>
    </row>
    <row r="1597" spans="1:3" x14ac:dyDescent="0.25">
      <c r="A1597" s="17" t="s">
        <v>867</v>
      </c>
      <c r="B1597" s="15">
        <v>40717</v>
      </c>
      <c r="C1597" s="18"/>
    </row>
    <row r="1598" spans="1:3" ht="30" x14ac:dyDescent="0.25">
      <c r="A1598" s="17" t="s">
        <v>686</v>
      </c>
      <c r="B1598" s="15" t="s">
        <v>687</v>
      </c>
      <c r="C1598" s="18"/>
    </row>
    <row r="1599" spans="1:3" ht="30" x14ac:dyDescent="0.25">
      <c r="A1599" s="17" t="s">
        <v>1543</v>
      </c>
      <c r="B1599" s="15" t="s">
        <v>1544</v>
      </c>
      <c r="C1599" s="18"/>
    </row>
    <row r="1600" spans="1:3" ht="30" x14ac:dyDescent="0.25">
      <c r="A1600" s="17" t="s">
        <v>1379</v>
      </c>
      <c r="B1600" s="15" t="s">
        <v>1380</v>
      </c>
      <c r="C1600" s="18"/>
    </row>
    <row r="1601" spans="1:3" x14ac:dyDescent="0.25">
      <c r="A1601" s="17" t="s">
        <v>1411</v>
      </c>
      <c r="B1601" s="15">
        <v>41786</v>
      </c>
      <c r="C1601" s="18"/>
    </row>
    <row r="1602" spans="1:3" x14ac:dyDescent="0.25">
      <c r="A1602" s="12" t="s">
        <v>2718</v>
      </c>
      <c r="B1602" s="16">
        <v>44203</v>
      </c>
      <c r="C1602" s="14"/>
    </row>
    <row r="1603" spans="1:3" ht="45" x14ac:dyDescent="0.25">
      <c r="A1603" s="17" t="s">
        <v>1851</v>
      </c>
      <c r="B1603" s="15" t="s">
        <v>1852</v>
      </c>
      <c r="C1603" s="18"/>
    </row>
    <row r="1604" spans="1:3" x14ac:dyDescent="0.25">
      <c r="A1604" s="17" t="s">
        <v>1612</v>
      </c>
      <c r="B1604" s="15">
        <v>42151</v>
      </c>
      <c r="C1604" s="18"/>
    </row>
    <row r="1605" spans="1:3" ht="60" x14ac:dyDescent="0.25">
      <c r="A1605" s="17" t="s">
        <v>1255</v>
      </c>
      <c r="B1605" s="15" t="s">
        <v>1256</v>
      </c>
      <c r="C1605" s="18"/>
    </row>
    <row r="1606" spans="1:3" ht="30" x14ac:dyDescent="0.25">
      <c r="A1606" s="17" t="s">
        <v>485</v>
      </c>
      <c r="B1606" s="15">
        <v>40094</v>
      </c>
      <c r="C1606" s="18"/>
    </row>
    <row r="1607" spans="1:3" ht="45" x14ac:dyDescent="0.25">
      <c r="A1607" s="17" t="s">
        <v>121</v>
      </c>
      <c r="B1607" s="15" t="s">
        <v>122</v>
      </c>
      <c r="C1607" s="18"/>
    </row>
    <row r="1608" spans="1:3" ht="30" x14ac:dyDescent="0.25">
      <c r="A1608" s="17" t="s">
        <v>214</v>
      </c>
      <c r="B1608" s="15">
        <v>39849</v>
      </c>
      <c r="C1608" s="18"/>
    </row>
    <row r="1609" spans="1:3" x14ac:dyDescent="0.25">
      <c r="A1609" s="17" t="s">
        <v>1076</v>
      </c>
      <c r="B1609" s="15">
        <v>41116</v>
      </c>
      <c r="C1609" s="18"/>
    </row>
    <row r="1610" spans="1:3" x14ac:dyDescent="0.25">
      <c r="A1610" s="17" t="s">
        <v>1684</v>
      </c>
      <c r="B1610" s="15">
        <v>42284</v>
      </c>
      <c r="C1610" s="18"/>
    </row>
    <row r="1611" spans="1:3" x14ac:dyDescent="0.25">
      <c r="A1611" s="12" t="s">
        <v>2574</v>
      </c>
      <c r="B1611" s="15">
        <v>43697</v>
      </c>
      <c r="C1611" s="14"/>
    </row>
    <row r="1612" spans="1:3" x14ac:dyDescent="0.25">
      <c r="A1612" s="12" t="s">
        <v>2873</v>
      </c>
      <c r="B1612" s="24" t="s">
        <v>2874</v>
      </c>
      <c r="C1612" s="14"/>
    </row>
    <row r="1613" spans="1:3" x14ac:dyDescent="0.25">
      <c r="A1613" s="12" t="s">
        <v>2003</v>
      </c>
      <c r="B1613" s="15">
        <v>42766</v>
      </c>
      <c r="C1613" s="14"/>
    </row>
    <row r="1614" spans="1:3" x14ac:dyDescent="0.25">
      <c r="A1614" s="17" t="s">
        <v>463</v>
      </c>
      <c r="B1614" s="15">
        <v>40073</v>
      </c>
      <c r="C1614" s="18"/>
    </row>
    <row r="1615" spans="1:3" x14ac:dyDescent="0.25">
      <c r="A1615" s="17" t="s">
        <v>1028</v>
      </c>
      <c r="B1615" s="15">
        <v>41026</v>
      </c>
      <c r="C1615" s="18"/>
    </row>
    <row r="1616" spans="1:3" x14ac:dyDescent="0.25">
      <c r="A1616" s="17" t="s">
        <v>1791</v>
      </c>
      <c r="B1616" s="15">
        <v>42467</v>
      </c>
      <c r="C1616" s="18"/>
    </row>
    <row r="1617" spans="1:3" x14ac:dyDescent="0.25">
      <c r="A1617" s="17" t="s">
        <v>1790</v>
      </c>
      <c r="B1617" s="15">
        <v>42467</v>
      </c>
      <c r="C1617" s="18"/>
    </row>
    <row r="1618" spans="1:3" x14ac:dyDescent="0.25">
      <c r="A1618" s="17" t="s">
        <v>1938</v>
      </c>
      <c r="B1618" s="15">
        <v>42678</v>
      </c>
      <c r="C1618" s="18"/>
    </row>
    <row r="1619" spans="1:3" ht="75" x14ac:dyDescent="0.25">
      <c r="A1619" s="12" t="s">
        <v>1966</v>
      </c>
      <c r="B1619" s="26" t="s">
        <v>1967</v>
      </c>
      <c r="C1619" s="14"/>
    </row>
    <row r="1620" spans="1:3" ht="90" x14ac:dyDescent="0.25">
      <c r="A1620" s="17" t="s">
        <v>168</v>
      </c>
      <c r="B1620" s="15" t="s">
        <v>169</v>
      </c>
      <c r="C1620" s="18"/>
    </row>
    <row r="1621" spans="1:3" x14ac:dyDescent="0.25">
      <c r="A1621" s="12" t="s">
        <v>3001</v>
      </c>
      <c r="B1621" s="24" t="s">
        <v>3002</v>
      </c>
      <c r="C1621" s="14"/>
    </row>
    <row r="1622" spans="1:3" x14ac:dyDescent="0.25">
      <c r="A1622" s="12" t="s">
        <v>3100</v>
      </c>
      <c r="B1622" s="16">
        <v>45140</v>
      </c>
      <c r="C1622" s="14"/>
    </row>
    <row r="1623" spans="1:3" x14ac:dyDescent="0.25">
      <c r="A1623" s="12" t="s">
        <v>1968</v>
      </c>
      <c r="B1623" s="15">
        <v>42718</v>
      </c>
      <c r="C1623" s="14"/>
    </row>
    <row r="1624" spans="1:3" ht="75" x14ac:dyDescent="0.25">
      <c r="A1624" s="17" t="s">
        <v>244</v>
      </c>
      <c r="B1624" s="15" t="s">
        <v>245</v>
      </c>
      <c r="C1624" s="18"/>
    </row>
    <row r="1625" spans="1:3" x14ac:dyDescent="0.25">
      <c r="A1625" s="12" t="s">
        <v>2125</v>
      </c>
      <c r="B1625" s="15">
        <v>42901</v>
      </c>
      <c r="C1625" s="14"/>
    </row>
    <row r="1626" spans="1:3" x14ac:dyDescent="0.25">
      <c r="A1626" s="17" t="s">
        <v>1261</v>
      </c>
      <c r="B1626" s="15">
        <v>41512</v>
      </c>
      <c r="C1626" s="18"/>
    </row>
    <row r="1627" spans="1:3" x14ac:dyDescent="0.25">
      <c r="A1627" s="23" t="s">
        <v>2132</v>
      </c>
      <c r="B1627" s="15">
        <v>42910</v>
      </c>
      <c r="C1627" s="14"/>
    </row>
    <row r="1628" spans="1:3" ht="30" x14ac:dyDescent="0.25">
      <c r="A1628" s="12" t="s">
        <v>3107</v>
      </c>
      <c r="B1628" s="13" t="s">
        <v>3108</v>
      </c>
      <c r="C1628" s="14"/>
    </row>
    <row r="1629" spans="1:3" x14ac:dyDescent="0.25">
      <c r="A1629" s="17" t="s">
        <v>488</v>
      </c>
      <c r="B1629" s="15">
        <v>40109</v>
      </c>
      <c r="C1629" s="18"/>
    </row>
    <row r="1630" spans="1:3" x14ac:dyDescent="0.25">
      <c r="A1630" s="12" t="s">
        <v>2803</v>
      </c>
      <c r="B1630" s="16">
        <v>44426</v>
      </c>
      <c r="C1630" s="14"/>
    </row>
    <row r="1631" spans="1:3" x14ac:dyDescent="0.25">
      <c r="A1631" s="12" t="s">
        <v>2403</v>
      </c>
      <c r="B1631" s="15">
        <v>43347</v>
      </c>
      <c r="C1631" s="14"/>
    </row>
    <row r="1632" spans="1:3" x14ac:dyDescent="0.25">
      <c r="A1632" s="17" t="s">
        <v>1098</v>
      </c>
      <c r="B1632" s="15">
        <v>41148</v>
      </c>
      <c r="C1632" s="18"/>
    </row>
    <row r="1633" spans="1:3" x14ac:dyDescent="0.25">
      <c r="A1633" s="17" t="s">
        <v>1201</v>
      </c>
      <c r="B1633" s="15">
        <v>41387</v>
      </c>
      <c r="C1633" s="18"/>
    </row>
    <row r="1634" spans="1:3" x14ac:dyDescent="0.25">
      <c r="A1634" s="17" t="s">
        <v>744</v>
      </c>
      <c r="B1634" s="15">
        <v>40478</v>
      </c>
      <c r="C1634" s="18"/>
    </row>
    <row r="1635" spans="1:3" ht="30" x14ac:dyDescent="0.25">
      <c r="A1635" s="17" t="s">
        <v>1890</v>
      </c>
      <c r="B1635" s="15" t="s">
        <v>1891</v>
      </c>
      <c r="C1635" s="18"/>
    </row>
    <row r="1636" spans="1:3" x14ac:dyDescent="0.25">
      <c r="A1636" s="17" t="s">
        <v>1662</v>
      </c>
      <c r="B1636" s="15">
        <v>42249</v>
      </c>
      <c r="C1636" s="18"/>
    </row>
    <row r="1637" spans="1:3" x14ac:dyDescent="0.25">
      <c r="A1637" s="17" t="s">
        <v>1172</v>
      </c>
      <c r="B1637" s="15">
        <v>41305</v>
      </c>
      <c r="C1637" s="18"/>
    </row>
    <row r="1638" spans="1:3" x14ac:dyDescent="0.25">
      <c r="A1638" s="17" t="s">
        <v>1055</v>
      </c>
      <c r="B1638" s="15">
        <v>41087</v>
      </c>
      <c r="C1638" s="18"/>
    </row>
    <row r="1639" spans="1:3" x14ac:dyDescent="0.25">
      <c r="A1639" s="20" t="s">
        <v>3280</v>
      </c>
      <c r="B1639" s="21">
        <v>45957</v>
      </c>
      <c r="C1639" s="22"/>
    </row>
    <row r="1640" spans="1:3" x14ac:dyDescent="0.25">
      <c r="A1640" s="17" t="s">
        <v>940</v>
      </c>
      <c r="B1640" s="15">
        <v>40883</v>
      </c>
      <c r="C1640" s="18"/>
    </row>
    <row r="1641" spans="1:3" ht="30" x14ac:dyDescent="0.25">
      <c r="A1641" s="17" t="s">
        <v>305</v>
      </c>
      <c r="B1641" s="15" t="s">
        <v>306</v>
      </c>
      <c r="C1641" s="18"/>
    </row>
    <row r="1642" spans="1:3" ht="105" x14ac:dyDescent="0.25">
      <c r="A1642" s="17" t="s">
        <v>1279</v>
      </c>
      <c r="B1642" s="15" t="s">
        <v>1280</v>
      </c>
      <c r="C1642" s="18"/>
    </row>
    <row r="1643" spans="1:3" ht="45" x14ac:dyDescent="0.25">
      <c r="A1643" s="17" t="s">
        <v>873</v>
      </c>
      <c r="B1643" s="15" t="s">
        <v>874</v>
      </c>
      <c r="C1643" s="18"/>
    </row>
    <row r="1644" spans="1:3" x14ac:dyDescent="0.25">
      <c r="A1644" s="17" t="s">
        <v>1707</v>
      </c>
      <c r="B1644" s="15">
        <v>42319</v>
      </c>
      <c r="C1644" s="18"/>
    </row>
    <row r="1645" spans="1:3" x14ac:dyDescent="0.25">
      <c r="A1645" s="17" t="s">
        <v>1744</v>
      </c>
      <c r="B1645" s="15">
        <v>42388</v>
      </c>
      <c r="C1645" s="18"/>
    </row>
    <row r="1646" spans="1:3" x14ac:dyDescent="0.25">
      <c r="A1646" s="17" t="s">
        <v>681</v>
      </c>
      <c r="B1646" s="15">
        <v>40382</v>
      </c>
      <c r="C1646" s="18"/>
    </row>
    <row r="1647" spans="1:3" ht="30" x14ac:dyDescent="0.25">
      <c r="A1647" s="17" t="s">
        <v>1435</v>
      </c>
      <c r="B1647" s="15">
        <v>41848</v>
      </c>
      <c r="C1647" s="18"/>
    </row>
    <row r="1648" spans="1:3" ht="45" x14ac:dyDescent="0.25">
      <c r="A1648" s="17" t="s">
        <v>841</v>
      </c>
      <c r="B1648" s="15" t="s">
        <v>842</v>
      </c>
      <c r="C1648" s="18"/>
    </row>
    <row r="1649" spans="1:3" x14ac:dyDescent="0.25">
      <c r="A1649" s="12" t="s">
        <v>3170</v>
      </c>
      <c r="B1649" s="24">
        <v>45421</v>
      </c>
      <c r="C1649" s="14"/>
    </row>
    <row r="1650" spans="1:3" x14ac:dyDescent="0.25">
      <c r="A1650" s="17" t="s">
        <v>688</v>
      </c>
      <c r="B1650" s="15">
        <v>40401</v>
      </c>
      <c r="C1650" s="18"/>
    </row>
    <row r="1651" spans="1:3" ht="30" x14ac:dyDescent="0.25">
      <c r="A1651" s="17" t="s">
        <v>84</v>
      </c>
      <c r="B1651" s="15" t="s">
        <v>85</v>
      </c>
      <c r="C1651" s="18"/>
    </row>
    <row r="1652" spans="1:3" x14ac:dyDescent="0.25">
      <c r="A1652" s="17" t="s">
        <v>137</v>
      </c>
      <c r="B1652" s="15">
        <v>39735</v>
      </c>
      <c r="C1652" s="18"/>
    </row>
    <row r="1653" spans="1:3" x14ac:dyDescent="0.25">
      <c r="A1653" s="17" t="s">
        <v>585</v>
      </c>
      <c r="B1653" s="15">
        <v>40249</v>
      </c>
      <c r="C1653" s="18"/>
    </row>
    <row r="1654" spans="1:3" ht="45" x14ac:dyDescent="0.25">
      <c r="A1654" s="17" t="s">
        <v>95</v>
      </c>
      <c r="B1654" s="15">
        <v>39624</v>
      </c>
      <c r="C1654" s="18"/>
    </row>
    <row r="1655" spans="1:3" x14ac:dyDescent="0.25">
      <c r="A1655" s="17" t="s">
        <v>880</v>
      </c>
      <c r="B1655" s="15">
        <v>40746</v>
      </c>
      <c r="C1655" s="18"/>
    </row>
    <row r="1656" spans="1:3" x14ac:dyDescent="0.25">
      <c r="A1656" s="17" t="s">
        <v>1504</v>
      </c>
      <c r="B1656" s="15">
        <v>41955</v>
      </c>
      <c r="C1656" s="18"/>
    </row>
    <row r="1657" spans="1:3" x14ac:dyDescent="0.25">
      <c r="A1657" s="17" t="s">
        <v>947</v>
      </c>
      <c r="B1657" s="15">
        <v>40891</v>
      </c>
      <c r="C1657" s="18"/>
    </row>
    <row r="1658" spans="1:3" x14ac:dyDescent="0.25">
      <c r="A1658" s="17" t="s">
        <v>1574</v>
      </c>
      <c r="B1658" s="15">
        <v>42084</v>
      </c>
      <c r="C1658" s="18"/>
    </row>
    <row r="1659" spans="1:3" x14ac:dyDescent="0.25">
      <c r="A1659" s="17" t="s">
        <v>1122</v>
      </c>
      <c r="B1659" s="15">
        <v>41187</v>
      </c>
      <c r="C1659" s="18"/>
    </row>
    <row r="1660" spans="1:3" ht="30" x14ac:dyDescent="0.25">
      <c r="A1660" s="17" t="s">
        <v>1712</v>
      </c>
      <c r="B1660" s="15" t="s">
        <v>1713</v>
      </c>
      <c r="C1660" s="18"/>
    </row>
    <row r="1661" spans="1:3" x14ac:dyDescent="0.25">
      <c r="A1661" s="17" t="s">
        <v>93</v>
      </c>
      <c r="B1661" s="15">
        <v>39608</v>
      </c>
      <c r="C1661" s="18"/>
    </row>
    <row r="1662" spans="1:3" ht="45" x14ac:dyDescent="0.25">
      <c r="A1662" s="12" t="s">
        <v>2537</v>
      </c>
      <c r="B1662" s="15" t="s">
        <v>2538</v>
      </c>
      <c r="C1662" s="14"/>
    </row>
    <row r="1663" spans="1:3" ht="45" x14ac:dyDescent="0.25">
      <c r="A1663" s="12" t="s">
        <v>2539</v>
      </c>
      <c r="B1663" s="15" t="s">
        <v>2540</v>
      </c>
      <c r="C1663" s="14"/>
    </row>
    <row r="1664" spans="1:3" x14ac:dyDescent="0.25">
      <c r="A1664" s="17" t="s">
        <v>1927</v>
      </c>
      <c r="B1664" s="15">
        <v>42664</v>
      </c>
      <c r="C1664" s="18"/>
    </row>
    <row r="1665" spans="1:3" x14ac:dyDescent="0.25">
      <c r="A1665" s="17" t="s">
        <v>1899</v>
      </c>
      <c r="B1665" s="15">
        <v>42625</v>
      </c>
      <c r="C1665" s="18"/>
    </row>
    <row r="1666" spans="1:3" x14ac:dyDescent="0.25">
      <c r="A1666" s="12" t="s">
        <v>2968</v>
      </c>
      <c r="B1666" s="24" t="s">
        <v>2969</v>
      </c>
      <c r="C1666" s="14"/>
    </row>
    <row r="1667" spans="1:3" x14ac:dyDescent="0.25">
      <c r="A1667" s="17" t="s">
        <v>1269</v>
      </c>
      <c r="B1667" s="15">
        <v>41534</v>
      </c>
      <c r="C1667" s="18"/>
    </row>
    <row r="1668" spans="1:3" x14ac:dyDescent="0.25">
      <c r="A1668" s="17" t="s">
        <v>1263</v>
      </c>
      <c r="B1668" s="15">
        <v>41521</v>
      </c>
      <c r="C1668" s="18"/>
    </row>
    <row r="1669" spans="1:3" ht="30" x14ac:dyDescent="0.25">
      <c r="A1669" s="17" t="s">
        <v>1267</v>
      </c>
      <c r="B1669" s="15">
        <v>41529</v>
      </c>
      <c r="C1669" s="18"/>
    </row>
    <row r="1670" spans="1:3" ht="30" x14ac:dyDescent="0.25">
      <c r="A1670" s="17" t="s">
        <v>1276</v>
      </c>
      <c r="B1670" s="15">
        <v>41548</v>
      </c>
      <c r="C1670" s="18"/>
    </row>
    <row r="1671" spans="1:3" ht="45" x14ac:dyDescent="0.25">
      <c r="A1671" s="17" t="s">
        <v>665</v>
      </c>
      <c r="B1671" s="15" t="s">
        <v>666</v>
      </c>
      <c r="C1671" s="18"/>
    </row>
    <row r="1672" spans="1:3" x14ac:dyDescent="0.25">
      <c r="A1672" s="12" t="s">
        <v>2286</v>
      </c>
      <c r="B1672" s="15">
        <v>43122</v>
      </c>
      <c r="C1672" s="14"/>
    </row>
    <row r="1673" spans="1:3" x14ac:dyDescent="0.25">
      <c r="A1673" s="12" t="s">
        <v>3193</v>
      </c>
      <c r="B1673" s="16">
        <v>45490</v>
      </c>
      <c r="C1673" s="14"/>
    </row>
    <row r="1674" spans="1:3" ht="30" x14ac:dyDescent="0.25">
      <c r="A1674" s="17" t="s">
        <v>1021</v>
      </c>
      <c r="B1674" s="15" t="s">
        <v>1022</v>
      </c>
      <c r="C1674" s="18"/>
    </row>
    <row r="1675" spans="1:3" x14ac:dyDescent="0.25">
      <c r="A1675" s="12" t="s">
        <v>2818</v>
      </c>
      <c r="B1675" s="16">
        <v>44459</v>
      </c>
      <c r="C1675" s="14"/>
    </row>
    <row r="1676" spans="1:3" x14ac:dyDescent="0.25">
      <c r="A1676" s="12" t="s">
        <v>2818</v>
      </c>
      <c r="B1676" s="24" t="s">
        <v>2831</v>
      </c>
      <c r="C1676" s="14"/>
    </row>
    <row r="1677" spans="1:3" x14ac:dyDescent="0.25">
      <c r="A1677" s="12" t="s">
        <v>2757</v>
      </c>
      <c r="B1677" s="16">
        <v>44309</v>
      </c>
      <c r="C1677" s="14"/>
    </row>
    <row r="1678" spans="1:3" ht="30" x14ac:dyDescent="0.25">
      <c r="A1678" s="17" t="s">
        <v>1360</v>
      </c>
      <c r="B1678" s="15">
        <v>41715</v>
      </c>
      <c r="C1678" s="18"/>
    </row>
    <row r="1679" spans="1:3" x14ac:dyDescent="0.25">
      <c r="A1679" s="17" t="s">
        <v>938</v>
      </c>
      <c r="B1679" s="15">
        <v>40878</v>
      </c>
      <c r="C1679" s="18"/>
    </row>
    <row r="1680" spans="1:3" ht="30" x14ac:dyDescent="0.25">
      <c r="A1680" s="17" t="s">
        <v>1647</v>
      </c>
      <c r="B1680" s="15" t="s">
        <v>1648</v>
      </c>
      <c r="C1680" s="18"/>
    </row>
    <row r="1681" spans="1:3" x14ac:dyDescent="0.25">
      <c r="A1681" s="12" t="s">
        <v>2957</v>
      </c>
      <c r="B1681" s="24" t="s">
        <v>2958</v>
      </c>
      <c r="C1681" s="14"/>
    </row>
    <row r="1682" spans="1:3" x14ac:dyDescent="0.25">
      <c r="A1682" s="17" t="s">
        <v>1474</v>
      </c>
      <c r="B1682" s="15">
        <v>41899</v>
      </c>
      <c r="C1682" s="18"/>
    </row>
    <row r="1683" spans="1:3" x14ac:dyDescent="0.25">
      <c r="A1683" s="12" t="s">
        <v>2706</v>
      </c>
      <c r="B1683" s="16">
        <v>44148</v>
      </c>
      <c r="C1683" s="14"/>
    </row>
    <row r="1684" spans="1:3" x14ac:dyDescent="0.25">
      <c r="A1684" s="20" t="s">
        <v>3219</v>
      </c>
      <c r="B1684" s="21">
        <v>45620</v>
      </c>
      <c r="C1684" s="22"/>
    </row>
    <row r="1685" spans="1:3" ht="75" x14ac:dyDescent="0.25">
      <c r="A1685" s="17" t="s">
        <v>1589</v>
      </c>
      <c r="B1685" s="15" t="s">
        <v>1590</v>
      </c>
      <c r="C1685" s="18"/>
    </row>
    <row r="1686" spans="1:3" ht="60" x14ac:dyDescent="0.25">
      <c r="A1686" s="17" t="s">
        <v>1708</v>
      </c>
      <c r="B1686" s="15" t="s">
        <v>1709</v>
      </c>
      <c r="C1686" s="18"/>
    </row>
    <row r="1687" spans="1:3" ht="45" x14ac:dyDescent="0.25">
      <c r="A1687" s="12" t="s">
        <v>2271</v>
      </c>
      <c r="B1687" s="15" t="s">
        <v>2272</v>
      </c>
      <c r="C1687" s="14"/>
    </row>
    <row r="1688" spans="1:3" x14ac:dyDescent="0.25">
      <c r="A1688" s="17" t="s">
        <v>1473</v>
      </c>
      <c r="B1688" s="15">
        <v>41899</v>
      </c>
      <c r="C1688" s="18"/>
    </row>
    <row r="1689" spans="1:3" x14ac:dyDescent="0.25">
      <c r="A1689" s="12" t="s">
        <v>2266</v>
      </c>
      <c r="B1689" s="15">
        <v>43084</v>
      </c>
      <c r="C1689" s="14"/>
    </row>
    <row r="1690" spans="1:3" x14ac:dyDescent="0.25">
      <c r="A1690" s="12" t="s">
        <v>2645</v>
      </c>
      <c r="B1690" s="15">
        <v>43964</v>
      </c>
      <c r="C1690" s="14"/>
    </row>
    <row r="1691" spans="1:3" x14ac:dyDescent="0.25">
      <c r="A1691" s="12" t="s">
        <v>3142</v>
      </c>
      <c r="B1691" s="16">
        <v>45303</v>
      </c>
      <c r="C1691" s="14"/>
    </row>
    <row r="1692" spans="1:3" x14ac:dyDescent="0.25">
      <c r="A1692" s="12" t="s">
        <v>2739</v>
      </c>
      <c r="B1692" s="16">
        <v>44260</v>
      </c>
      <c r="C1692" s="14"/>
    </row>
    <row r="1693" spans="1:3" ht="30" x14ac:dyDescent="0.25">
      <c r="A1693" s="17" t="s">
        <v>1629</v>
      </c>
      <c r="B1693" s="15" t="s">
        <v>1630</v>
      </c>
      <c r="C1693" s="18"/>
    </row>
    <row r="1694" spans="1:3" ht="45" x14ac:dyDescent="0.25">
      <c r="A1694" s="20" t="s">
        <v>3269</v>
      </c>
      <c r="B1694" s="35" t="s">
        <v>3270</v>
      </c>
      <c r="C1694" s="22"/>
    </row>
    <row r="1695" spans="1:3" x14ac:dyDescent="0.25">
      <c r="A1695" s="20" t="s">
        <v>3274</v>
      </c>
      <c r="B1695" s="21">
        <v>45923</v>
      </c>
      <c r="C1695" s="22"/>
    </row>
    <row r="1696" spans="1:3" ht="45" x14ac:dyDescent="0.25">
      <c r="A1696" s="17" t="s">
        <v>221</v>
      </c>
      <c r="B1696" s="15" t="s">
        <v>222</v>
      </c>
      <c r="C1696" s="18"/>
    </row>
    <row r="1697" spans="1:3" ht="45" x14ac:dyDescent="0.25">
      <c r="A1697" s="12" t="s">
        <v>2513</v>
      </c>
      <c r="B1697" s="15" t="s">
        <v>2514</v>
      </c>
      <c r="C1697" s="14"/>
    </row>
    <row r="1698" spans="1:3" ht="30" x14ac:dyDescent="0.25">
      <c r="A1698" s="17" t="s">
        <v>117</v>
      </c>
      <c r="B1698" s="15">
        <v>39681</v>
      </c>
      <c r="C1698" s="18"/>
    </row>
    <row r="1699" spans="1:3" ht="30" x14ac:dyDescent="0.25">
      <c r="A1699" s="17" t="s">
        <v>1417</v>
      </c>
      <c r="B1699" s="15" t="s">
        <v>1418</v>
      </c>
      <c r="C1699" s="18"/>
    </row>
    <row r="1700" spans="1:3" ht="30" x14ac:dyDescent="0.25">
      <c r="A1700" s="17" t="s">
        <v>1599</v>
      </c>
      <c r="B1700" s="15" t="s">
        <v>1600</v>
      </c>
      <c r="C1700" s="18"/>
    </row>
    <row r="1701" spans="1:3" ht="45" x14ac:dyDescent="0.25">
      <c r="A1701" s="12" t="s">
        <v>2624</v>
      </c>
      <c r="B1701" s="15" t="s">
        <v>2625</v>
      </c>
      <c r="C1701" s="14"/>
    </row>
    <row r="1702" spans="1:3" x14ac:dyDescent="0.25">
      <c r="A1702" s="12" t="s">
        <v>2777</v>
      </c>
      <c r="B1702" s="16">
        <v>44342</v>
      </c>
      <c r="C1702" s="14"/>
    </row>
    <row r="1703" spans="1:3" ht="45" x14ac:dyDescent="0.25">
      <c r="A1703" s="12" t="s">
        <v>2786</v>
      </c>
      <c r="B1703" s="25" t="s">
        <v>2787</v>
      </c>
      <c r="C1703" s="14"/>
    </row>
    <row r="1704" spans="1:3" ht="30" x14ac:dyDescent="0.25">
      <c r="A1704" s="12" t="s">
        <v>1956</v>
      </c>
      <c r="B1704" s="15" t="s">
        <v>1957</v>
      </c>
      <c r="C1704" s="14"/>
    </row>
    <row r="1705" spans="1:3" ht="30" x14ac:dyDescent="0.25">
      <c r="A1705" s="17" t="s">
        <v>1716</v>
      </c>
      <c r="B1705" s="15" t="s">
        <v>1717</v>
      </c>
      <c r="C1705" s="18"/>
    </row>
    <row r="1706" spans="1:3" x14ac:dyDescent="0.25">
      <c r="A1706" s="20" t="s">
        <v>3210</v>
      </c>
      <c r="B1706" s="21">
        <v>45565</v>
      </c>
      <c r="C1706" s="22"/>
    </row>
    <row r="1707" spans="1:3" ht="75" x14ac:dyDescent="0.25">
      <c r="A1707" s="17" t="s">
        <v>449</v>
      </c>
      <c r="B1707" s="15" t="s">
        <v>450</v>
      </c>
      <c r="C1707" s="32">
        <v>42062</v>
      </c>
    </row>
    <row r="1708" spans="1:3" ht="60" x14ac:dyDescent="0.25">
      <c r="A1708" s="17" t="s">
        <v>451</v>
      </c>
      <c r="B1708" s="15" t="s">
        <v>450</v>
      </c>
      <c r="C1708" s="18"/>
    </row>
    <row r="1709" spans="1:3" ht="75" x14ac:dyDescent="0.25">
      <c r="A1709" s="17" t="s">
        <v>366</v>
      </c>
      <c r="B1709" s="15" t="s">
        <v>367</v>
      </c>
      <c r="C1709" s="18"/>
    </row>
    <row r="1710" spans="1:3" ht="45" x14ac:dyDescent="0.25">
      <c r="A1710" s="17" t="s">
        <v>1576</v>
      </c>
      <c r="B1710" s="15" t="s">
        <v>1577</v>
      </c>
      <c r="C1710" s="18"/>
    </row>
    <row r="1711" spans="1:3" x14ac:dyDescent="0.25">
      <c r="A1711" s="12" t="s">
        <v>2455</v>
      </c>
      <c r="B1711" s="15">
        <v>43447</v>
      </c>
      <c r="C1711" s="14"/>
    </row>
    <row r="1712" spans="1:3" x14ac:dyDescent="0.25">
      <c r="A1712" s="12" t="s">
        <v>2682</v>
      </c>
      <c r="B1712" s="16">
        <v>44057</v>
      </c>
      <c r="C1712" s="14"/>
    </row>
    <row r="1713" spans="1:3" x14ac:dyDescent="0.25">
      <c r="A1713" s="17" t="s">
        <v>929</v>
      </c>
      <c r="B1713" s="15">
        <v>40855</v>
      </c>
      <c r="C1713" s="18"/>
    </row>
    <row r="1714" spans="1:3" x14ac:dyDescent="0.25">
      <c r="A1714" s="17" t="s">
        <v>1170</v>
      </c>
      <c r="B1714" s="15">
        <v>41302</v>
      </c>
      <c r="C1714" s="18"/>
    </row>
    <row r="1715" spans="1:3" x14ac:dyDescent="0.25">
      <c r="A1715" s="12" t="s">
        <v>2477</v>
      </c>
      <c r="B1715" s="15">
        <v>43489</v>
      </c>
      <c r="C1715" s="14"/>
    </row>
    <row r="1716" spans="1:3" ht="30" x14ac:dyDescent="0.25">
      <c r="A1716" s="17" t="s">
        <v>1905</v>
      </c>
      <c r="B1716" s="15" t="s">
        <v>1906</v>
      </c>
      <c r="C1716" s="18"/>
    </row>
    <row r="1717" spans="1:3" ht="30" x14ac:dyDescent="0.25">
      <c r="A1717" s="17" t="s">
        <v>1874</v>
      </c>
      <c r="B1717" s="15" t="s">
        <v>1875</v>
      </c>
      <c r="C1717" s="18"/>
    </row>
    <row r="1718" spans="1:3" x14ac:dyDescent="0.25">
      <c r="A1718" s="12" t="s">
        <v>3178</v>
      </c>
      <c r="B1718" s="16">
        <v>45443</v>
      </c>
      <c r="C1718" s="14"/>
    </row>
    <row r="1719" spans="1:3" x14ac:dyDescent="0.25">
      <c r="A1719" s="17" t="s">
        <v>601</v>
      </c>
      <c r="B1719" s="15" t="s">
        <v>602</v>
      </c>
      <c r="C1719" s="18"/>
    </row>
    <row r="1720" spans="1:3" ht="45" x14ac:dyDescent="0.25">
      <c r="A1720" s="17" t="s">
        <v>261</v>
      </c>
      <c r="B1720" s="15" t="s">
        <v>262</v>
      </c>
      <c r="C1720" s="18"/>
    </row>
    <row r="1721" spans="1:3" x14ac:dyDescent="0.25">
      <c r="A1721" s="12" t="s">
        <v>2695</v>
      </c>
      <c r="B1721" s="16">
        <v>44112</v>
      </c>
      <c r="C1721" s="14"/>
    </row>
    <row r="1722" spans="1:3" x14ac:dyDescent="0.25">
      <c r="A1722" s="17" t="s">
        <v>771</v>
      </c>
      <c r="B1722" s="15" t="s">
        <v>772</v>
      </c>
      <c r="C1722" s="18"/>
    </row>
    <row r="1723" spans="1:3" x14ac:dyDescent="0.25">
      <c r="A1723" s="17" t="s">
        <v>739</v>
      </c>
      <c r="B1723" s="15">
        <v>40469</v>
      </c>
      <c r="C1723" s="18"/>
    </row>
    <row r="1724" spans="1:3" x14ac:dyDescent="0.25">
      <c r="A1724" s="17" t="s">
        <v>982</v>
      </c>
      <c r="B1724" s="15">
        <v>40935</v>
      </c>
      <c r="C1724" s="18"/>
    </row>
    <row r="1725" spans="1:3" ht="45" x14ac:dyDescent="0.25">
      <c r="A1725" s="12" t="s">
        <v>2580</v>
      </c>
      <c r="B1725" s="15" t="s">
        <v>2581</v>
      </c>
      <c r="C1725" s="14"/>
    </row>
    <row r="1726" spans="1:3" ht="45" x14ac:dyDescent="0.25">
      <c r="A1726" s="17" t="s">
        <v>630</v>
      </c>
      <c r="B1726" s="26" t="s">
        <v>631</v>
      </c>
      <c r="C1726" s="18"/>
    </row>
    <row r="1727" spans="1:3" x14ac:dyDescent="0.25">
      <c r="A1727" s="12" t="s">
        <v>2730</v>
      </c>
      <c r="B1727" s="16">
        <v>44244</v>
      </c>
      <c r="C1727" s="14"/>
    </row>
    <row r="1728" spans="1:3" x14ac:dyDescent="0.25">
      <c r="A1728" s="12" t="s">
        <v>2159</v>
      </c>
      <c r="B1728" s="15">
        <v>42964</v>
      </c>
      <c r="C1728" s="14"/>
    </row>
    <row r="1729" spans="1:3" x14ac:dyDescent="0.25">
      <c r="A1729" s="17" t="s">
        <v>408</v>
      </c>
      <c r="B1729" s="15">
        <v>40014</v>
      </c>
      <c r="C1729" s="18"/>
    </row>
    <row r="1730" spans="1:3" x14ac:dyDescent="0.25">
      <c r="A1730" s="17" t="s">
        <v>1416</v>
      </c>
      <c r="B1730" s="15">
        <v>41796</v>
      </c>
      <c r="C1730" s="18"/>
    </row>
    <row r="1731" spans="1:3" x14ac:dyDescent="0.25">
      <c r="A1731" s="17" t="s">
        <v>1740</v>
      </c>
      <c r="B1731" s="15">
        <v>42382</v>
      </c>
      <c r="C1731" s="18"/>
    </row>
    <row r="1732" spans="1:3" x14ac:dyDescent="0.25">
      <c r="A1732" s="17" t="s">
        <v>170</v>
      </c>
      <c r="B1732" s="15">
        <v>39784</v>
      </c>
      <c r="C1732" s="18"/>
    </row>
    <row r="1733" spans="1:3" x14ac:dyDescent="0.25">
      <c r="A1733" s="12" t="s">
        <v>2501</v>
      </c>
      <c r="B1733" s="15">
        <v>43563</v>
      </c>
      <c r="C1733" s="14"/>
    </row>
    <row r="1734" spans="1:3" ht="45" x14ac:dyDescent="0.25">
      <c r="A1734" s="12" t="s">
        <v>2193</v>
      </c>
      <c r="B1734" s="15" t="s">
        <v>2194</v>
      </c>
      <c r="C1734" s="14"/>
    </row>
    <row r="1735" spans="1:3" x14ac:dyDescent="0.25">
      <c r="A1735" s="12" t="s">
        <v>3029</v>
      </c>
      <c r="B1735" s="16">
        <v>44953</v>
      </c>
      <c r="C1735" s="14"/>
    </row>
    <row r="1736" spans="1:3" ht="45" x14ac:dyDescent="0.25">
      <c r="A1736" s="17" t="s">
        <v>228</v>
      </c>
      <c r="B1736" s="15" t="s">
        <v>229</v>
      </c>
      <c r="C1736" s="18"/>
    </row>
    <row r="1737" spans="1:3" ht="30" x14ac:dyDescent="0.25">
      <c r="A1737" s="12" t="s">
        <v>2045</v>
      </c>
      <c r="B1737" s="15">
        <v>42809</v>
      </c>
      <c r="C1737" s="14"/>
    </row>
    <row r="1738" spans="1:3" x14ac:dyDescent="0.25">
      <c r="A1738" s="12" t="s">
        <v>2126</v>
      </c>
      <c r="B1738" s="15">
        <v>42901</v>
      </c>
      <c r="C1738" s="14"/>
    </row>
    <row r="1739" spans="1:3" ht="45" x14ac:dyDescent="0.25">
      <c r="A1739" s="17" t="s">
        <v>2533</v>
      </c>
      <c r="B1739" s="15" t="s">
        <v>2534</v>
      </c>
      <c r="C1739" s="14"/>
    </row>
    <row r="1740" spans="1:3" ht="45" x14ac:dyDescent="0.25">
      <c r="A1740" s="12" t="s">
        <v>1975</v>
      </c>
      <c r="B1740" s="15" t="s">
        <v>1976</v>
      </c>
      <c r="C1740" s="14"/>
    </row>
    <row r="1741" spans="1:3" ht="60" x14ac:dyDescent="0.25">
      <c r="A1741" s="12" t="s">
        <v>3033</v>
      </c>
      <c r="B1741" s="13" t="s">
        <v>3034</v>
      </c>
      <c r="C1741" s="27">
        <v>44965</v>
      </c>
    </row>
    <row r="1742" spans="1:3" ht="105" x14ac:dyDescent="0.25">
      <c r="A1742" s="17" t="s">
        <v>1443</v>
      </c>
      <c r="B1742" s="26" t="s">
        <v>1444</v>
      </c>
      <c r="C1742" s="27">
        <v>44965</v>
      </c>
    </row>
    <row r="1743" spans="1:3" x14ac:dyDescent="0.25">
      <c r="A1743" s="17" t="s">
        <v>1101</v>
      </c>
      <c r="B1743" s="15">
        <v>41151</v>
      </c>
      <c r="C1743" s="18"/>
    </row>
    <row r="1744" spans="1:3" ht="30" x14ac:dyDescent="0.25">
      <c r="A1744" s="17" t="s">
        <v>891</v>
      </c>
      <c r="B1744" s="15">
        <v>40764</v>
      </c>
      <c r="C1744" s="18"/>
    </row>
    <row r="1745" spans="1:3" x14ac:dyDescent="0.25">
      <c r="A1745" s="12" t="s">
        <v>3025</v>
      </c>
      <c r="B1745" s="16">
        <v>44938</v>
      </c>
      <c r="C1745" s="14"/>
    </row>
    <row r="1746" spans="1:3" ht="30" x14ac:dyDescent="0.25">
      <c r="A1746" s="17" t="s">
        <v>1767</v>
      </c>
      <c r="B1746" s="15" t="s">
        <v>1768</v>
      </c>
      <c r="C1746" s="18"/>
    </row>
    <row r="1747" spans="1:3" x14ac:dyDescent="0.25">
      <c r="A1747" s="17" t="s">
        <v>300</v>
      </c>
      <c r="B1747" s="15">
        <v>39917</v>
      </c>
      <c r="C1747" s="18"/>
    </row>
    <row r="1748" spans="1:3" ht="45" x14ac:dyDescent="0.25">
      <c r="A1748" s="17" t="s">
        <v>649</v>
      </c>
      <c r="B1748" s="15" t="s">
        <v>650</v>
      </c>
      <c r="C1748" s="18"/>
    </row>
    <row r="1749" spans="1:3" x14ac:dyDescent="0.25">
      <c r="A1749" s="12" t="s">
        <v>2337</v>
      </c>
      <c r="B1749" s="15">
        <v>43224</v>
      </c>
      <c r="C1749" s="14"/>
    </row>
    <row r="1750" spans="1:3" x14ac:dyDescent="0.25">
      <c r="A1750" s="12" t="s">
        <v>2448</v>
      </c>
      <c r="B1750" s="15">
        <v>43430</v>
      </c>
      <c r="C1750" s="14"/>
    </row>
    <row r="1751" spans="1:3" x14ac:dyDescent="0.25">
      <c r="A1751" s="17" t="s">
        <v>804</v>
      </c>
      <c r="B1751" s="15">
        <v>40598</v>
      </c>
      <c r="C1751" s="18"/>
    </row>
    <row r="1752" spans="1:3" x14ac:dyDescent="0.25">
      <c r="A1752" s="17" t="s">
        <v>1192</v>
      </c>
      <c r="B1752" s="15">
        <v>41359</v>
      </c>
      <c r="C1752" s="18"/>
    </row>
    <row r="1753" spans="1:3" x14ac:dyDescent="0.25">
      <c r="A1753" s="12" t="s">
        <v>2663</v>
      </c>
      <c r="B1753" s="16">
        <v>44020</v>
      </c>
      <c r="C1753" s="14"/>
    </row>
    <row r="1754" spans="1:3" x14ac:dyDescent="0.25">
      <c r="A1754" s="17" t="s">
        <v>202</v>
      </c>
      <c r="B1754" s="15">
        <v>39839</v>
      </c>
      <c r="C1754" s="18"/>
    </row>
    <row r="1755" spans="1:3" x14ac:dyDescent="0.25">
      <c r="A1755" s="12" t="s">
        <v>2877</v>
      </c>
      <c r="B1755" s="24" t="s">
        <v>2878</v>
      </c>
      <c r="C1755" s="14"/>
    </row>
    <row r="1756" spans="1:3" x14ac:dyDescent="0.25">
      <c r="A1756" s="17" t="s">
        <v>569</v>
      </c>
      <c r="B1756" s="15">
        <v>40239</v>
      </c>
      <c r="C1756" s="18"/>
    </row>
    <row r="1757" spans="1:3" ht="30" x14ac:dyDescent="0.25">
      <c r="A1757" s="17" t="s">
        <v>1809</v>
      </c>
      <c r="B1757" s="15" t="s">
        <v>1810</v>
      </c>
      <c r="C1757" s="18"/>
    </row>
    <row r="1758" spans="1:3" ht="30" x14ac:dyDescent="0.25">
      <c r="A1758" s="17" t="s">
        <v>1672</v>
      </c>
      <c r="B1758" s="15" t="s">
        <v>1673</v>
      </c>
      <c r="C1758" s="18"/>
    </row>
    <row r="1759" spans="1:3" x14ac:dyDescent="0.25">
      <c r="A1759" s="17" t="s">
        <v>313</v>
      </c>
      <c r="B1759" s="15">
        <v>39927</v>
      </c>
      <c r="C1759" s="18"/>
    </row>
    <row r="1760" spans="1:3" x14ac:dyDescent="0.25">
      <c r="A1760" s="12" t="s">
        <v>2150</v>
      </c>
      <c r="B1760" s="15">
        <v>42949</v>
      </c>
      <c r="C1760" s="14"/>
    </row>
    <row r="1761" spans="1:3" ht="45" x14ac:dyDescent="0.25">
      <c r="A1761" s="17" t="s">
        <v>543</v>
      </c>
      <c r="B1761" s="15" t="s">
        <v>544</v>
      </c>
      <c r="C1761" s="18"/>
    </row>
    <row r="1762" spans="1:3" x14ac:dyDescent="0.25">
      <c r="A1762" s="17" t="s">
        <v>1403</v>
      </c>
      <c r="B1762" s="15">
        <v>41773</v>
      </c>
      <c r="C1762" s="18"/>
    </row>
    <row r="1763" spans="1:3" ht="30" x14ac:dyDescent="0.25">
      <c r="A1763" s="17" t="s">
        <v>1774</v>
      </c>
      <c r="B1763" s="15" t="s">
        <v>1775</v>
      </c>
      <c r="C1763" s="18"/>
    </row>
    <row r="1764" spans="1:3" ht="75" x14ac:dyDescent="0.25">
      <c r="A1764" s="12" t="s">
        <v>1999</v>
      </c>
      <c r="B1764" s="15" t="s">
        <v>2000</v>
      </c>
      <c r="C1764" s="32">
        <v>42761</v>
      </c>
    </row>
    <row r="1765" spans="1:3" x14ac:dyDescent="0.25">
      <c r="A1765" s="12" t="s">
        <v>3115</v>
      </c>
      <c r="B1765" s="16">
        <v>45177</v>
      </c>
      <c r="C1765" s="14"/>
    </row>
    <row r="1766" spans="1:3" x14ac:dyDescent="0.25">
      <c r="A1766" s="17" t="s">
        <v>1175</v>
      </c>
      <c r="B1766" s="15">
        <v>41310</v>
      </c>
      <c r="C1766" s="18"/>
    </row>
    <row r="1767" spans="1:3" x14ac:dyDescent="0.25">
      <c r="A1767" s="17" t="s">
        <v>803</v>
      </c>
      <c r="B1767" s="15">
        <v>40597</v>
      </c>
      <c r="C1767" s="18"/>
    </row>
    <row r="1768" spans="1:3" x14ac:dyDescent="0.25">
      <c r="A1768" s="12" t="s">
        <v>2939</v>
      </c>
      <c r="B1768" s="16">
        <v>44691</v>
      </c>
      <c r="C1768" s="14"/>
    </row>
    <row r="1769" spans="1:3" x14ac:dyDescent="0.25">
      <c r="A1769" s="12" t="s">
        <v>3182</v>
      </c>
      <c r="B1769" s="16">
        <v>45463</v>
      </c>
      <c r="C1769" s="14"/>
    </row>
    <row r="1770" spans="1:3" ht="45" x14ac:dyDescent="0.25">
      <c r="A1770" s="12" t="s">
        <v>2719</v>
      </c>
      <c r="B1770" s="13" t="s">
        <v>2720</v>
      </c>
      <c r="C1770" s="14"/>
    </row>
    <row r="1771" spans="1:3" x14ac:dyDescent="0.25">
      <c r="A1771" s="12" t="s">
        <v>2394</v>
      </c>
      <c r="B1771" s="15">
        <v>43335</v>
      </c>
      <c r="C1771" s="14"/>
    </row>
    <row r="1772" spans="1:3" x14ac:dyDescent="0.25">
      <c r="A1772" s="12" t="s">
        <v>2223</v>
      </c>
      <c r="B1772" s="15">
        <v>43038</v>
      </c>
      <c r="C1772" s="14"/>
    </row>
    <row r="1773" spans="1:3" x14ac:dyDescent="0.25">
      <c r="A1773" s="17" t="s">
        <v>280</v>
      </c>
      <c r="B1773" s="15">
        <v>39899</v>
      </c>
      <c r="C1773" s="18"/>
    </row>
    <row r="1774" spans="1:3" x14ac:dyDescent="0.25">
      <c r="A1774" s="17" t="s">
        <v>1086</v>
      </c>
      <c r="B1774" s="15">
        <v>41129</v>
      </c>
      <c r="C1774" s="18"/>
    </row>
    <row r="1775" spans="1:3" ht="75" x14ac:dyDescent="0.25">
      <c r="A1775" s="12" t="s">
        <v>2520</v>
      </c>
      <c r="B1775" s="15" t="s">
        <v>2521</v>
      </c>
      <c r="C1775" s="14"/>
    </row>
    <row r="1776" spans="1:3" x14ac:dyDescent="0.25">
      <c r="A1776" s="17" t="s">
        <v>1074</v>
      </c>
      <c r="B1776" s="15">
        <v>41109</v>
      </c>
      <c r="C1776" s="18"/>
    </row>
    <row r="1777" spans="1:3" x14ac:dyDescent="0.25">
      <c r="A1777" s="12" t="s">
        <v>2177</v>
      </c>
      <c r="B1777" s="15">
        <v>42990</v>
      </c>
      <c r="C1777" s="14"/>
    </row>
    <row r="1778" spans="1:3" x14ac:dyDescent="0.25">
      <c r="A1778" s="17" t="s">
        <v>481</v>
      </c>
      <c r="B1778" s="15">
        <v>40094</v>
      </c>
      <c r="C1778" s="18"/>
    </row>
    <row r="1779" spans="1:3" x14ac:dyDescent="0.25">
      <c r="A1779" s="17" t="s">
        <v>1835</v>
      </c>
      <c r="B1779" s="15">
        <v>42520</v>
      </c>
      <c r="C1779" s="18"/>
    </row>
    <row r="1780" spans="1:3" x14ac:dyDescent="0.25">
      <c r="A1780" s="12" t="s">
        <v>2918</v>
      </c>
      <c r="B1780" s="24" t="s">
        <v>2917</v>
      </c>
      <c r="C1780" s="14"/>
    </row>
    <row r="1781" spans="1:3" x14ac:dyDescent="0.25">
      <c r="A1781" s="17" t="s">
        <v>436</v>
      </c>
      <c r="B1781" s="15">
        <v>40045</v>
      </c>
      <c r="C1781" s="18"/>
    </row>
    <row r="1782" spans="1:3" x14ac:dyDescent="0.25">
      <c r="A1782" s="12" t="s">
        <v>1969</v>
      </c>
      <c r="B1782" s="15">
        <v>42723</v>
      </c>
      <c r="C1782" s="14"/>
    </row>
    <row r="1783" spans="1:3" ht="45" x14ac:dyDescent="0.25">
      <c r="A1783" s="12" t="s">
        <v>2871</v>
      </c>
      <c r="B1783" s="25" t="s">
        <v>2872</v>
      </c>
      <c r="C1783" s="14"/>
    </row>
    <row r="1784" spans="1:3" x14ac:dyDescent="0.25">
      <c r="A1784" s="20" t="s">
        <v>3261</v>
      </c>
      <c r="B1784" s="21">
        <v>45859</v>
      </c>
      <c r="C1784" s="22"/>
    </row>
    <row r="1785" spans="1:3" x14ac:dyDescent="0.25">
      <c r="A1785" s="12" t="s">
        <v>2396</v>
      </c>
      <c r="B1785" s="15">
        <v>43340</v>
      </c>
      <c r="C1785" s="14"/>
    </row>
    <row r="1786" spans="1:3" x14ac:dyDescent="0.25">
      <c r="A1786" s="17" t="s">
        <v>1840</v>
      </c>
      <c r="B1786" s="15">
        <v>42531</v>
      </c>
      <c r="C1786" s="18"/>
    </row>
    <row r="1787" spans="1:3" x14ac:dyDescent="0.25">
      <c r="A1787" s="17" t="s">
        <v>1616</v>
      </c>
      <c r="B1787" s="15">
        <v>42156</v>
      </c>
      <c r="C1787" s="18"/>
    </row>
    <row r="1788" spans="1:3" x14ac:dyDescent="0.25">
      <c r="A1788" s="17" t="s">
        <v>401</v>
      </c>
      <c r="B1788" s="15">
        <v>40003</v>
      </c>
      <c r="C1788" s="18"/>
    </row>
    <row r="1789" spans="1:3" ht="30" x14ac:dyDescent="0.25">
      <c r="A1789" s="17" t="s">
        <v>1747</v>
      </c>
      <c r="B1789" s="15" t="s">
        <v>1748</v>
      </c>
      <c r="C1789" s="18"/>
    </row>
    <row r="1790" spans="1:3" x14ac:dyDescent="0.25">
      <c r="A1790" s="12" t="s">
        <v>2048</v>
      </c>
      <c r="B1790" s="15">
        <v>42811</v>
      </c>
      <c r="C1790" s="14"/>
    </row>
    <row r="1791" spans="1:3" x14ac:dyDescent="0.25">
      <c r="A1791" s="12" t="s">
        <v>2345</v>
      </c>
      <c r="B1791" s="15">
        <v>43238</v>
      </c>
      <c r="C1791" s="14"/>
    </row>
    <row r="1792" spans="1:3" x14ac:dyDescent="0.25">
      <c r="A1792" s="12" t="s">
        <v>2031</v>
      </c>
      <c r="B1792" s="15">
        <v>42794</v>
      </c>
      <c r="C1792" s="14"/>
    </row>
    <row r="1793" spans="1:3" x14ac:dyDescent="0.25">
      <c r="A1793" s="12" t="s">
        <v>3141</v>
      </c>
      <c r="B1793" s="16">
        <v>45302</v>
      </c>
      <c r="C1793" s="14"/>
    </row>
    <row r="1794" spans="1:3" x14ac:dyDescent="0.25">
      <c r="A1794" s="17" t="s">
        <v>400</v>
      </c>
      <c r="B1794" s="15">
        <v>40003</v>
      </c>
      <c r="C1794" s="18"/>
    </row>
    <row r="1795" spans="1:3" x14ac:dyDescent="0.25">
      <c r="A1795" s="12" t="s">
        <v>2980</v>
      </c>
      <c r="B1795" s="24" t="s">
        <v>2979</v>
      </c>
      <c r="C1795" s="14"/>
    </row>
    <row r="1796" spans="1:3" ht="45" x14ac:dyDescent="0.25">
      <c r="A1796" s="17" t="s">
        <v>1910</v>
      </c>
      <c r="B1796" s="15" t="s">
        <v>1911</v>
      </c>
      <c r="C1796" s="18"/>
    </row>
    <row r="1797" spans="1:3" ht="45" x14ac:dyDescent="0.25">
      <c r="A1797" s="12" t="s">
        <v>2585</v>
      </c>
      <c r="B1797" s="15" t="s">
        <v>2586</v>
      </c>
      <c r="C1797" s="14"/>
    </row>
    <row r="1798" spans="1:3" ht="60" x14ac:dyDescent="0.25">
      <c r="A1798" s="17" t="s">
        <v>1080</v>
      </c>
      <c r="B1798" s="15" t="s">
        <v>1081</v>
      </c>
      <c r="C1798" s="18"/>
    </row>
    <row r="1799" spans="1:3" x14ac:dyDescent="0.25">
      <c r="A1799" s="17" t="s">
        <v>291</v>
      </c>
      <c r="B1799" s="15">
        <v>39905</v>
      </c>
      <c r="C1799" s="18"/>
    </row>
    <row r="1800" spans="1:3" x14ac:dyDescent="0.25">
      <c r="A1800" s="12" t="s">
        <v>3151</v>
      </c>
      <c r="B1800" s="16">
        <v>45335</v>
      </c>
      <c r="C1800" s="14"/>
    </row>
    <row r="1801" spans="1:3" x14ac:dyDescent="0.25">
      <c r="A1801" s="17" t="s">
        <v>1815</v>
      </c>
      <c r="B1801" s="15">
        <v>42493</v>
      </c>
      <c r="C1801" s="18"/>
    </row>
    <row r="1802" spans="1:3" x14ac:dyDescent="0.25">
      <c r="A1802" s="12" t="s">
        <v>2562</v>
      </c>
      <c r="B1802" s="15">
        <v>43651</v>
      </c>
      <c r="C1802" s="14"/>
    </row>
    <row r="1803" spans="1:3" x14ac:dyDescent="0.25">
      <c r="A1803" s="12" t="s">
        <v>2824</v>
      </c>
      <c r="B1803" s="24" t="s">
        <v>2825</v>
      </c>
      <c r="C1803" s="14"/>
    </row>
    <row r="1804" spans="1:3" x14ac:dyDescent="0.25">
      <c r="A1804" s="12" t="s">
        <v>2236</v>
      </c>
      <c r="B1804" s="15">
        <v>43055</v>
      </c>
      <c r="C1804" s="14"/>
    </row>
    <row r="1805" spans="1:3" x14ac:dyDescent="0.25">
      <c r="A1805" s="17" t="s">
        <v>808</v>
      </c>
      <c r="B1805" s="15">
        <v>40602</v>
      </c>
      <c r="C1805" s="18"/>
    </row>
    <row r="1806" spans="1:3" x14ac:dyDescent="0.25">
      <c r="A1806" s="17" t="s">
        <v>1277</v>
      </c>
      <c r="B1806" s="15">
        <v>41548</v>
      </c>
      <c r="C1806" s="18"/>
    </row>
    <row r="1807" spans="1:3" x14ac:dyDescent="0.25">
      <c r="A1807" s="17" t="s">
        <v>814</v>
      </c>
      <c r="B1807" s="15">
        <v>40609</v>
      </c>
      <c r="C1807" s="18"/>
    </row>
    <row r="1808" spans="1:3" x14ac:dyDescent="0.25">
      <c r="A1808" s="17" t="s">
        <v>363</v>
      </c>
      <c r="B1808" s="15">
        <v>39969</v>
      </c>
      <c r="C1808" s="18"/>
    </row>
    <row r="1809" spans="1:3" ht="60" x14ac:dyDescent="0.25">
      <c r="A1809" s="17" t="s">
        <v>1105</v>
      </c>
      <c r="B1809" s="15" t="s">
        <v>1106</v>
      </c>
      <c r="C1809" s="18"/>
    </row>
    <row r="1810" spans="1:3" x14ac:dyDescent="0.25">
      <c r="A1810" s="17" t="s">
        <v>253</v>
      </c>
      <c r="B1810" s="15">
        <v>39884</v>
      </c>
      <c r="C1810" s="18"/>
    </row>
    <row r="1811" spans="1:3" ht="30" x14ac:dyDescent="0.25">
      <c r="A1811" s="17" t="s">
        <v>1129</v>
      </c>
      <c r="B1811" s="15" t="s">
        <v>1130</v>
      </c>
      <c r="C1811" s="18"/>
    </row>
    <row r="1812" spans="1:3" x14ac:dyDescent="0.25">
      <c r="A1812" s="17" t="s">
        <v>1645</v>
      </c>
      <c r="B1812" s="15">
        <v>42212</v>
      </c>
      <c r="C1812" s="18"/>
    </row>
    <row r="1813" spans="1:3" x14ac:dyDescent="0.25">
      <c r="A1813" s="17" t="s">
        <v>1459</v>
      </c>
      <c r="B1813" s="15">
        <v>41886</v>
      </c>
      <c r="C1813" s="18"/>
    </row>
    <row r="1814" spans="1:3" x14ac:dyDescent="0.25">
      <c r="A1814" s="17" t="s">
        <v>1502</v>
      </c>
      <c r="B1814" s="15">
        <v>41953</v>
      </c>
      <c r="C1814" s="18"/>
    </row>
    <row r="1815" spans="1:3" x14ac:dyDescent="0.25">
      <c r="A1815" s="12" t="s">
        <v>2138</v>
      </c>
      <c r="B1815" s="15">
        <v>42928</v>
      </c>
      <c r="C1815" s="14"/>
    </row>
    <row r="1816" spans="1:3" x14ac:dyDescent="0.25">
      <c r="A1816" s="12" t="s">
        <v>2590</v>
      </c>
      <c r="B1816" s="15">
        <v>43726</v>
      </c>
      <c r="C1816" s="14"/>
    </row>
    <row r="1817" spans="1:3" x14ac:dyDescent="0.25">
      <c r="A1817" s="17" t="s">
        <v>1158</v>
      </c>
      <c r="B1817" s="15">
        <v>41267</v>
      </c>
      <c r="C1817" s="18"/>
    </row>
    <row r="1818" spans="1:3" x14ac:dyDescent="0.25">
      <c r="A1818" s="20" t="s">
        <v>3271</v>
      </c>
      <c r="B1818" s="21">
        <v>45894</v>
      </c>
      <c r="C1818" s="22"/>
    </row>
    <row r="1819" spans="1:3" ht="30" x14ac:dyDescent="0.25">
      <c r="A1819" s="12" t="s">
        <v>3116</v>
      </c>
      <c r="B1819" s="13" t="s">
        <v>3117</v>
      </c>
      <c r="C1819" s="14"/>
    </row>
    <row r="1820" spans="1:3" x14ac:dyDescent="0.25">
      <c r="A1820" s="12" t="s">
        <v>2231</v>
      </c>
      <c r="B1820" s="15">
        <v>43048</v>
      </c>
      <c r="C1820" s="14"/>
    </row>
    <row r="1821" spans="1:3" x14ac:dyDescent="0.25">
      <c r="A1821" s="17" t="s">
        <v>1043</v>
      </c>
      <c r="B1821" s="15">
        <v>41068</v>
      </c>
      <c r="C1821" s="18"/>
    </row>
    <row r="1822" spans="1:3" ht="45" x14ac:dyDescent="0.25">
      <c r="A1822" s="17" t="s">
        <v>432</v>
      </c>
      <c r="B1822" s="15" t="s">
        <v>433</v>
      </c>
      <c r="C1822" s="18"/>
    </row>
    <row r="1823" spans="1:3" ht="30" x14ac:dyDescent="0.25">
      <c r="A1823" s="17" t="s">
        <v>1738</v>
      </c>
      <c r="B1823" s="15" t="s">
        <v>1739</v>
      </c>
      <c r="C1823" s="18"/>
    </row>
    <row r="1824" spans="1:3" x14ac:dyDescent="0.25">
      <c r="A1824" s="12" t="s">
        <v>3065</v>
      </c>
      <c r="B1824" s="16">
        <v>45043</v>
      </c>
      <c r="C1824" s="14"/>
    </row>
    <row r="1825" spans="1:3" x14ac:dyDescent="0.25">
      <c r="A1825" s="12" t="s">
        <v>2178</v>
      </c>
      <c r="B1825" s="15">
        <v>42991</v>
      </c>
      <c r="C1825" s="14"/>
    </row>
    <row r="1826" spans="1:3" x14ac:dyDescent="0.25">
      <c r="A1826" s="12" t="s">
        <v>2911</v>
      </c>
      <c r="B1826" s="24" t="s">
        <v>2912</v>
      </c>
      <c r="C1826" s="14"/>
    </row>
    <row r="1827" spans="1:3" x14ac:dyDescent="0.25">
      <c r="A1827" s="17" t="s">
        <v>626</v>
      </c>
      <c r="B1827" s="15">
        <v>40315</v>
      </c>
      <c r="C1827" s="18"/>
    </row>
    <row r="1828" spans="1:3" ht="45" x14ac:dyDescent="0.25">
      <c r="A1828" s="17" t="s">
        <v>913</v>
      </c>
      <c r="B1828" s="15" t="s">
        <v>914</v>
      </c>
      <c r="C1828" s="18"/>
    </row>
    <row r="1829" spans="1:3" x14ac:dyDescent="0.25">
      <c r="A1829" s="12" t="s">
        <v>2166</v>
      </c>
      <c r="B1829" s="15">
        <v>42976</v>
      </c>
      <c r="C1829" s="14"/>
    </row>
    <row r="1830" spans="1:3" x14ac:dyDescent="0.25">
      <c r="A1830" s="17" t="s">
        <v>1023</v>
      </c>
      <c r="B1830" s="15">
        <v>41019</v>
      </c>
      <c r="C1830" s="18"/>
    </row>
    <row r="1831" spans="1:3" x14ac:dyDescent="0.25">
      <c r="A1831" s="12" t="s">
        <v>3055</v>
      </c>
      <c r="B1831" s="16">
        <v>45026</v>
      </c>
      <c r="C1831" s="14"/>
    </row>
    <row r="1832" spans="1:3" x14ac:dyDescent="0.25">
      <c r="A1832" s="17" t="s">
        <v>646</v>
      </c>
      <c r="B1832" s="15">
        <v>40340</v>
      </c>
      <c r="C1832" s="18"/>
    </row>
    <row r="1833" spans="1:3" x14ac:dyDescent="0.25">
      <c r="A1833" s="17" t="s">
        <v>1025</v>
      </c>
      <c r="B1833" s="15">
        <v>41024</v>
      </c>
      <c r="C1833" s="18"/>
    </row>
    <row r="1834" spans="1:3" x14ac:dyDescent="0.25">
      <c r="A1834" s="17" t="s">
        <v>693</v>
      </c>
      <c r="B1834" s="15">
        <v>40414</v>
      </c>
      <c r="C1834" s="18"/>
    </row>
    <row r="1835" spans="1:3" x14ac:dyDescent="0.25">
      <c r="A1835" s="12" t="s">
        <v>2392</v>
      </c>
      <c r="B1835" s="15">
        <v>43328</v>
      </c>
      <c r="C1835" s="14"/>
    </row>
    <row r="1836" spans="1:3" x14ac:dyDescent="0.25">
      <c r="A1836" s="12" t="s">
        <v>2905</v>
      </c>
      <c r="B1836" s="24" t="s">
        <v>2906</v>
      </c>
      <c r="C1836" s="14"/>
    </row>
    <row r="1837" spans="1:3" ht="60" x14ac:dyDescent="0.25">
      <c r="A1837" s="17" t="s">
        <v>1230</v>
      </c>
      <c r="B1837" s="15" t="s">
        <v>1231</v>
      </c>
      <c r="C1837" s="32">
        <v>45973</v>
      </c>
    </row>
    <row r="1838" spans="1:3" ht="45" x14ac:dyDescent="0.25">
      <c r="A1838" s="12" t="s">
        <v>2204</v>
      </c>
      <c r="B1838" s="26" t="s">
        <v>2205</v>
      </c>
      <c r="C1838" s="14"/>
    </row>
    <row r="1839" spans="1:3" x14ac:dyDescent="0.25">
      <c r="A1839" s="17" t="s">
        <v>964</v>
      </c>
      <c r="B1839" s="15">
        <v>40921</v>
      </c>
      <c r="C1839" s="18"/>
    </row>
    <row r="1840" spans="1:3" x14ac:dyDescent="0.25">
      <c r="A1840" s="17" t="s">
        <v>1556</v>
      </c>
      <c r="B1840" s="15">
        <v>42043</v>
      </c>
      <c r="C1840" s="18"/>
    </row>
    <row r="1841" spans="1:3" x14ac:dyDescent="0.25">
      <c r="A1841" s="17" t="s">
        <v>1663</v>
      </c>
      <c r="B1841" s="15">
        <v>42256</v>
      </c>
      <c r="C1841" s="18"/>
    </row>
    <row r="1842" spans="1:3" x14ac:dyDescent="0.25">
      <c r="A1842" s="12" t="s">
        <v>2810</v>
      </c>
      <c r="B1842" s="16">
        <v>44441</v>
      </c>
      <c r="C1842" s="14"/>
    </row>
    <row r="1843" spans="1:3" x14ac:dyDescent="0.25">
      <c r="A1843" s="17" t="s">
        <v>759</v>
      </c>
      <c r="B1843" s="15">
        <v>40500</v>
      </c>
      <c r="C1843" s="18"/>
    </row>
    <row r="1844" spans="1:3" ht="45" x14ac:dyDescent="0.25">
      <c r="A1844" s="12" t="s">
        <v>2105</v>
      </c>
      <c r="B1844" s="26" t="s">
        <v>2106</v>
      </c>
      <c r="C1844" s="14"/>
    </row>
    <row r="1845" spans="1:3" ht="60" x14ac:dyDescent="0.25">
      <c r="A1845" s="12" t="s">
        <v>3292</v>
      </c>
      <c r="B1845" s="15">
        <v>42704</v>
      </c>
      <c r="C1845" s="27">
        <v>42703</v>
      </c>
    </row>
    <row r="1846" spans="1:3" x14ac:dyDescent="0.25">
      <c r="A1846" s="17" t="s">
        <v>658</v>
      </c>
      <c r="B1846" s="15">
        <v>40351</v>
      </c>
      <c r="C1846" s="18"/>
    </row>
    <row r="1847" spans="1:3" x14ac:dyDescent="0.25">
      <c r="A1847" s="17" t="s">
        <v>1356</v>
      </c>
      <c r="B1847" s="15">
        <v>41708</v>
      </c>
      <c r="C1847" s="18"/>
    </row>
    <row r="1848" spans="1:3" x14ac:dyDescent="0.25">
      <c r="A1848" s="17" t="s">
        <v>1670</v>
      </c>
      <c r="B1848" s="15">
        <v>42269</v>
      </c>
      <c r="C1848" s="18"/>
    </row>
    <row r="1849" spans="1:3" x14ac:dyDescent="0.25">
      <c r="A1849" s="12" t="s">
        <v>3148</v>
      </c>
      <c r="B1849" s="16">
        <v>45323</v>
      </c>
      <c r="C1849" s="14"/>
    </row>
    <row r="1850" spans="1:3" x14ac:dyDescent="0.25">
      <c r="A1850" s="17" t="s">
        <v>1579</v>
      </c>
      <c r="B1850" s="15">
        <v>42096</v>
      </c>
      <c r="C1850" s="18"/>
    </row>
    <row r="1851" spans="1:3" x14ac:dyDescent="0.25">
      <c r="A1851" s="12" t="s">
        <v>2680</v>
      </c>
      <c r="B1851" s="16">
        <v>44048</v>
      </c>
      <c r="C1851" s="14"/>
    </row>
    <row r="1852" spans="1:3" ht="60" x14ac:dyDescent="0.25">
      <c r="A1852" s="17" t="s">
        <v>157</v>
      </c>
      <c r="B1852" s="15" t="s">
        <v>158</v>
      </c>
      <c r="C1852" s="27">
        <v>45030</v>
      </c>
    </row>
    <row r="1853" spans="1:3" x14ac:dyDescent="0.25">
      <c r="A1853" s="12" t="s">
        <v>3067</v>
      </c>
      <c r="B1853" s="16">
        <v>45049</v>
      </c>
      <c r="C1853" s="14"/>
    </row>
    <row r="1854" spans="1:3" ht="60" x14ac:dyDescent="0.25">
      <c r="A1854" s="12" t="s">
        <v>2047</v>
      </c>
      <c r="B1854" s="15">
        <v>42809</v>
      </c>
      <c r="C1854" s="27">
        <v>42809</v>
      </c>
    </row>
    <row r="1855" spans="1:3" x14ac:dyDescent="0.25">
      <c r="A1855" s="17" t="s">
        <v>1814</v>
      </c>
      <c r="B1855" s="15">
        <v>42489</v>
      </c>
      <c r="C1855" s="18"/>
    </row>
    <row r="1856" spans="1:3" x14ac:dyDescent="0.25">
      <c r="A1856" s="17" t="s">
        <v>881</v>
      </c>
      <c r="B1856" s="15">
        <v>40746</v>
      </c>
      <c r="C1856" s="18"/>
    </row>
    <row r="1857" spans="1:3" x14ac:dyDescent="0.25">
      <c r="A1857" s="12" t="s">
        <v>2215</v>
      </c>
      <c r="B1857" s="15">
        <v>43026</v>
      </c>
      <c r="C1857" s="14"/>
    </row>
    <row r="1858" spans="1:3" x14ac:dyDescent="0.25">
      <c r="A1858" s="17" t="s">
        <v>208</v>
      </c>
      <c r="B1858" s="15">
        <v>39843</v>
      </c>
      <c r="C1858" s="18"/>
    </row>
    <row r="1859" spans="1:3" x14ac:dyDescent="0.25">
      <c r="A1859" s="17" t="s">
        <v>1209</v>
      </c>
      <c r="B1859" s="15">
        <v>41416</v>
      </c>
      <c r="C1859" s="18"/>
    </row>
    <row r="1860" spans="1:3" ht="30" x14ac:dyDescent="0.25">
      <c r="A1860" s="17" t="s">
        <v>1212</v>
      </c>
      <c r="B1860" s="15">
        <v>41424</v>
      </c>
      <c r="C1860" s="18"/>
    </row>
    <row r="1861" spans="1:3" x14ac:dyDescent="0.25">
      <c r="A1861" s="17" t="s">
        <v>824</v>
      </c>
      <c r="B1861" s="15">
        <v>40632</v>
      </c>
      <c r="C1861" s="18"/>
    </row>
    <row r="1862" spans="1:3" x14ac:dyDescent="0.25">
      <c r="A1862" s="17" t="s">
        <v>555</v>
      </c>
      <c r="B1862" s="15">
        <v>40219</v>
      </c>
      <c r="C1862" s="18"/>
    </row>
    <row r="1863" spans="1:3" x14ac:dyDescent="0.25">
      <c r="A1863" s="17" t="s">
        <v>673</v>
      </c>
      <c r="B1863" s="15">
        <v>40372</v>
      </c>
      <c r="C1863" s="18"/>
    </row>
    <row r="1864" spans="1:3" x14ac:dyDescent="0.25">
      <c r="A1864" s="12" t="s">
        <v>3155</v>
      </c>
      <c r="B1864" s="16">
        <v>45338</v>
      </c>
      <c r="C1864" s="14"/>
    </row>
    <row r="1865" spans="1:3" x14ac:dyDescent="0.25">
      <c r="A1865" s="17" t="s">
        <v>44</v>
      </c>
      <c r="B1865" s="15">
        <v>39150</v>
      </c>
      <c r="C1865" s="18"/>
    </row>
    <row r="1866" spans="1:3" ht="30" x14ac:dyDescent="0.25">
      <c r="A1866" s="17" t="s">
        <v>1547</v>
      </c>
      <c r="B1866" s="15" t="s">
        <v>1548</v>
      </c>
      <c r="C1866" s="18"/>
    </row>
    <row r="1867" spans="1:3" x14ac:dyDescent="0.25">
      <c r="A1867" s="17" t="s">
        <v>87</v>
      </c>
      <c r="B1867" s="15">
        <v>39577</v>
      </c>
      <c r="C1867" s="18"/>
    </row>
    <row r="1868" spans="1:3" ht="30" x14ac:dyDescent="0.25">
      <c r="A1868" s="17" t="s">
        <v>1167</v>
      </c>
      <c r="B1868" s="15">
        <v>41283</v>
      </c>
      <c r="C1868" s="18"/>
    </row>
    <row r="1869" spans="1:3" x14ac:dyDescent="0.25">
      <c r="A1869" s="17" t="s">
        <v>354</v>
      </c>
      <c r="B1869" s="15">
        <v>39968</v>
      </c>
      <c r="C1869" s="18"/>
    </row>
    <row r="1870" spans="1:3" x14ac:dyDescent="0.25">
      <c r="A1870" s="17" t="s">
        <v>595</v>
      </c>
      <c r="B1870" s="15">
        <v>40269</v>
      </c>
      <c r="C1870" s="18"/>
    </row>
    <row r="1871" spans="1:3" x14ac:dyDescent="0.25">
      <c r="A1871" s="12" t="s">
        <v>2626</v>
      </c>
      <c r="B1871" s="15">
        <v>43837</v>
      </c>
      <c r="C1871" s="14"/>
    </row>
    <row r="1872" spans="1:3" x14ac:dyDescent="0.25">
      <c r="A1872" s="17" t="s">
        <v>660</v>
      </c>
      <c r="B1872" s="15">
        <v>40352</v>
      </c>
      <c r="C1872" s="18"/>
    </row>
    <row r="1873" spans="1:3" x14ac:dyDescent="0.25">
      <c r="A1873" s="12" t="s">
        <v>2152</v>
      </c>
      <c r="B1873" s="15">
        <v>42956</v>
      </c>
      <c r="C1873" s="14"/>
    </row>
    <row r="1874" spans="1:3" ht="90" x14ac:dyDescent="0.25">
      <c r="A1874" s="12" t="s">
        <v>2631</v>
      </c>
      <c r="B1874" s="26" t="s">
        <v>2632</v>
      </c>
      <c r="C1874" s="14"/>
    </row>
    <row r="1875" spans="1:3" ht="45" x14ac:dyDescent="0.25">
      <c r="A1875" s="17" t="s">
        <v>1351</v>
      </c>
      <c r="B1875" s="15" t="s">
        <v>1352</v>
      </c>
      <c r="C1875" s="18"/>
    </row>
    <row r="1876" spans="1:3" x14ac:dyDescent="0.25">
      <c r="A1876" s="12" t="s">
        <v>2669</v>
      </c>
      <c r="B1876" s="16">
        <v>44029</v>
      </c>
      <c r="C1876" s="14"/>
    </row>
    <row r="1877" spans="1:3" x14ac:dyDescent="0.25">
      <c r="A1877" s="17" t="s">
        <v>1686</v>
      </c>
      <c r="B1877" s="15">
        <v>42285</v>
      </c>
      <c r="C1877" s="18"/>
    </row>
    <row r="1878" spans="1:3" x14ac:dyDescent="0.25">
      <c r="A1878" s="17" t="s">
        <v>1561</v>
      </c>
      <c r="B1878" s="15">
        <v>42051</v>
      </c>
      <c r="C1878" s="18"/>
    </row>
    <row r="1879" spans="1:3" x14ac:dyDescent="0.25">
      <c r="A1879" s="17" t="s">
        <v>1139</v>
      </c>
      <c r="B1879" s="15">
        <v>41219</v>
      </c>
      <c r="C1879" s="18"/>
    </row>
    <row r="1880" spans="1:3" x14ac:dyDescent="0.25">
      <c r="A1880" s="17" t="s">
        <v>1528</v>
      </c>
      <c r="B1880" s="15">
        <v>41994</v>
      </c>
      <c r="C1880" s="18"/>
    </row>
    <row r="1881" spans="1:3" x14ac:dyDescent="0.25">
      <c r="A1881" s="12" t="s">
        <v>2671</v>
      </c>
      <c r="B1881" s="16">
        <v>44032</v>
      </c>
      <c r="C1881" s="14"/>
    </row>
    <row r="1882" spans="1:3" x14ac:dyDescent="0.25">
      <c r="A1882" s="17" t="s">
        <v>1033</v>
      </c>
      <c r="B1882" s="15">
        <v>41038</v>
      </c>
      <c r="C1882" s="18"/>
    </row>
    <row r="1883" spans="1:3" x14ac:dyDescent="0.25">
      <c r="A1883" s="12" t="s">
        <v>3031</v>
      </c>
      <c r="B1883" s="16">
        <v>44963</v>
      </c>
      <c r="C1883" s="14"/>
    </row>
    <row r="1884" spans="1:3" x14ac:dyDescent="0.25">
      <c r="A1884" s="17" t="s">
        <v>689</v>
      </c>
      <c r="B1884" s="15">
        <v>40403</v>
      </c>
      <c r="C1884" s="18"/>
    </row>
    <row r="1885" spans="1:3" ht="30" x14ac:dyDescent="0.25">
      <c r="A1885" s="17" t="s">
        <v>930</v>
      </c>
      <c r="B1885" s="15">
        <v>40861</v>
      </c>
      <c r="C1885" s="18"/>
    </row>
    <row r="1886" spans="1:3" x14ac:dyDescent="0.25">
      <c r="A1886" s="12" t="s">
        <v>2356</v>
      </c>
      <c r="B1886" s="15">
        <v>43259</v>
      </c>
      <c r="C1886" s="14"/>
    </row>
    <row r="1887" spans="1:3" x14ac:dyDescent="0.25">
      <c r="A1887" s="17" t="s">
        <v>1460</v>
      </c>
      <c r="B1887" s="15">
        <v>41886</v>
      </c>
      <c r="C1887" s="18"/>
    </row>
    <row r="1888" spans="1:3" ht="45" x14ac:dyDescent="0.25">
      <c r="A1888" s="17" t="s">
        <v>985</v>
      </c>
      <c r="B1888" s="15" t="s">
        <v>986</v>
      </c>
      <c r="C1888" s="18"/>
    </row>
    <row r="1889" spans="1:3" x14ac:dyDescent="0.25">
      <c r="A1889" s="12" t="s">
        <v>2536</v>
      </c>
      <c r="B1889" s="15">
        <v>43627</v>
      </c>
      <c r="C1889" s="14"/>
    </row>
    <row r="1890" spans="1:3" ht="30" x14ac:dyDescent="0.25">
      <c r="A1890" s="17" t="s">
        <v>1342</v>
      </c>
      <c r="B1890" s="15" t="s">
        <v>1343</v>
      </c>
      <c r="C1890" s="18"/>
    </row>
    <row r="1891" spans="1:3" ht="45" x14ac:dyDescent="0.25">
      <c r="A1891" s="17" t="s">
        <v>775</v>
      </c>
      <c r="B1891" s="15" t="s">
        <v>776</v>
      </c>
      <c r="C1891" s="18"/>
    </row>
    <row r="1892" spans="1:3" ht="45" x14ac:dyDescent="0.25">
      <c r="A1892" s="12" t="s">
        <v>3120</v>
      </c>
      <c r="B1892" s="13" t="s">
        <v>3121</v>
      </c>
      <c r="C1892" s="14"/>
    </row>
    <row r="1893" spans="1:3" ht="30" x14ac:dyDescent="0.25">
      <c r="A1893" s="17" t="s">
        <v>20</v>
      </c>
      <c r="B1893" s="15" t="s">
        <v>21</v>
      </c>
      <c r="C1893" s="18"/>
    </row>
    <row r="1894" spans="1:3" ht="75" x14ac:dyDescent="0.25">
      <c r="A1894" s="20" t="s">
        <v>3288</v>
      </c>
      <c r="B1894" s="21">
        <v>45975</v>
      </c>
      <c r="C1894" s="31">
        <v>45975</v>
      </c>
    </row>
    <row r="1895" spans="1:3" ht="60" x14ac:dyDescent="0.25">
      <c r="A1895" s="17" t="s">
        <v>1087</v>
      </c>
      <c r="B1895" s="15" t="s">
        <v>1088</v>
      </c>
      <c r="C1895" s="18"/>
    </row>
    <row r="1896" spans="1:3" ht="105" x14ac:dyDescent="0.25">
      <c r="A1896" s="12" t="s">
        <v>1141</v>
      </c>
      <c r="B1896" s="15" t="s">
        <v>1142</v>
      </c>
      <c r="C1896" s="27">
        <v>41220</v>
      </c>
    </row>
    <row r="1897" spans="1:3" ht="105" x14ac:dyDescent="0.25">
      <c r="A1897" s="12" t="s">
        <v>1141</v>
      </c>
      <c r="B1897" s="15" t="s">
        <v>1142</v>
      </c>
      <c r="C1897" s="32">
        <v>45975</v>
      </c>
    </row>
    <row r="1898" spans="1:3" ht="75" x14ac:dyDescent="0.25">
      <c r="A1898" s="12" t="s">
        <v>2179</v>
      </c>
      <c r="B1898" s="15" t="s">
        <v>2180</v>
      </c>
      <c r="C1898" s="27">
        <v>45975</v>
      </c>
    </row>
    <row r="1899" spans="1:3" ht="75" x14ac:dyDescent="0.25">
      <c r="A1899" s="12" t="s">
        <v>2179</v>
      </c>
      <c r="B1899" s="15" t="s">
        <v>2181</v>
      </c>
      <c r="C1899" s="27">
        <v>42991</v>
      </c>
    </row>
    <row r="1900" spans="1:3" x14ac:dyDescent="0.25">
      <c r="A1900" s="12" t="s">
        <v>2935</v>
      </c>
      <c r="B1900" s="24" t="s">
        <v>2936</v>
      </c>
      <c r="C1900" s="14"/>
    </row>
    <row r="1901" spans="1:3" ht="30" x14ac:dyDescent="0.25">
      <c r="A1901" s="12" t="s">
        <v>2228</v>
      </c>
      <c r="B1901" s="15" t="s">
        <v>2229</v>
      </c>
      <c r="C1901" s="14"/>
    </row>
    <row r="1902" spans="1:3" ht="45" x14ac:dyDescent="0.25">
      <c r="A1902" s="45" t="s">
        <v>98</v>
      </c>
      <c r="B1902" s="46" t="s">
        <v>99</v>
      </c>
      <c r="C1902" s="18"/>
    </row>
    <row r="1903" spans="1:3" x14ac:dyDescent="0.25">
      <c r="A1903" s="17" t="s">
        <v>1096</v>
      </c>
      <c r="B1903" s="15">
        <v>41145</v>
      </c>
      <c r="C1903" s="18"/>
    </row>
    <row r="1904" spans="1:3" x14ac:dyDescent="0.25">
      <c r="A1904" s="17" t="s">
        <v>726</v>
      </c>
      <c r="B1904" s="15" t="s">
        <v>725</v>
      </c>
      <c r="C1904" s="18"/>
    </row>
    <row r="1905" spans="1:3" x14ac:dyDescent="0.25">
      <c r="A1905" s="17" t="s">
        <v>1132</v>
      </c>
      <c r="B1905" s="15">
        <v>41204</v>
      </c>
      <c r="C1905" s="18"/>
    </row>
    <row r="1906" spans="1:3" ht="30" x14ac:dyDescent="0.25">
      <c r="A1906" s="17" t="s">
        <v>1846</v>
      </c>
      <c r="B1906" s="15" t="s">
        <v>1847</v>
      </c>
      <c r="C1906" s="18"/>
    </row>
    <row r="1907" spans="1:3" x14ac:dyDescent="0.25">
      <c r="A1907" s="17" t="s">
        <v>113</v>
      </c>
      <c r="B1907" s="15">
        <v>39680</v>
      </c>
      <c r="C1907" s="18"/>
    </row>
    <row r="1908" spans="1:3" ht="30" x14ac:dyDescent="0.25">
      <c r="A1908" s="17" t="s">
        <v>1536</v>
      </c>
      <c r="B1908" s="15">
        <v>42010</v>
      </c>
      <c r="C1908" s="18"/>
    </row>
    <row r="1909" spans="1:3" ht="30" x14ac:dyDescent="0.25">
      <c r="A1909" s="12" t="s">
        <v>2255</v>
      </c>
      <c r="B1909" s="15" t="s">
        <v>2256</v>
      </c>
      <c r="C1909" s="14"/>
    </row>
    <row r="1910" spans="1:3" x14ac:dyDescent="0.25">
      <c r="A1910" s="12" t="s">
        <v>2696</v>
      </c>
      <c r="B1910" s="16">
        <v>44112</v>
      </c>
      <c r="C1910" s="14"/>
    </row>
    <row r="1911" spans="1:3" x14ac:dyDescent="0.25">
      <c r="A1911" s="12" t="s">
        <v>2595</v>
      </c>
      <c r="B1911" s="15">
        <v>43732</v>
      </c>
      <c r="C1911" s="14"/>
    </row>
    <row r="1912" spans="1:3" x14ac:dyDescent="0.25">
      <c r="A1912" s="17" t="s">
        <v>1436</v>
      </c>
      <c r="B1912" s="15">
        <v>41855</v>
      </c>
      <c r="C1912" s="18"/>
    </row>
    <row r="1913" spans="1:3" x14ac:dyDescent="0.25">
      <c r="A1913" s="12" t="s">
        <v>2999</v>
      </c>
      <c r="B1913" s="24" t="s">
        <v>3000</v>
      </c>
      <c r="C1913" s="14"/>
    </row>
    <row r="1914" spans="1:3" x14ac:dyDescent="0.25">
      <c r="A1914" s="12" t="s">
        <v>2471</v>
      </c>
      <c r="B1914" s="15">
        <v>43480</v>
      </c>
      <c r="C1914" s="14"/>
    </row>
    <row r="1915" spans="1:3" x14ac:dyDescent="0.25">
      <c r="A1915" s="17" t="s">
        <v>1295</v>
      </c>
      <c r="B1915" s="15">
        <v>41585</v>
      </c>
      <c r="C1915" s="18"/>
    </row>
    <row r="1916" spans="1:3" x14ac:dyDescent="0.25">
      <c r="A1916" s="17" t="s">
        <v>1368</v>
      </c>
      <c r="B1916" s="15">
        <v>41729</v>
      </c>
      <c r="C1916" s="18"/>
    </row>
    <row r="1917" spans="1:3" x14ac:dyDescent="0.25">
      <c r="A1917" s="17" t="s">
        <v>1331</v>
      </c>
      <c r="B1917" s="15">
        <v>41677</v>
      </c>
      <c r="C1917" s="18"/>
    </row>
    <row r="1918" spans="1:3" x14ac:dyDescent="0.25">
      <c r="A1918" s="12" t="s">
        <v>2515</v>
      </c>
      <c r="B1918" s="15">
        <v>43587</v>
      </c>
      <c r="C1918" s="14"/>
    </row>
    <row r="1919" spans="1:3" x14ac:dyDescent="0.25">
      <c r="A1919" s="12" t="s">
        <v>2162</v>
      </c>
      <c r="B1919" s="15">
        <v>42969</v>
      </c>
      <c r="C1919" s="14"/>
    </row>
    <row r="1920" spans="1:3" x14ac:dyDescent="0.25">
      <c r="A1920" s="12" t="s">
        <v>3008</v>
      </c>
      <c r="B1920" s="24" t="s">
        <v>3009</v>
      </c>
      <c r="C1920" s="14"/>
    </row>
    <row r="1921" spans="1:3" ht="45" x14ac:dyDescent="0.25">
      <c r="A1921" s="47" t="s">
        <v>2676</v>
      </c>
      <c r="B1921" s="48" t="s">
        <v>2677</v>
      </c>
      <c r="C1921" s="14"/>
    </row>
    <row r="1922" spans="1:3" x14ac:dyDescent="0.25">
      <c r="A1922" s="17" t="s">
        <v>1415</v>
      </c>
      <c r="B1922" s="15">
        <v>41794</v>
      </c>
      <c r="C1922" s="18"/>
    </row>
    <row r="1923" spans="1:3" x14ac:dyDescent="0.25">
      <c r="A1923" s="17" t="s">
        <v>1369</v>
      </c>
      <c r="B1923" s="15">
        <v>41729</v>
      </c>
      <c r="C1923" s="18"/>
    </row>
    <row r="1924" spans="1:3" ht="30" x14ac:dyDescent="0.25">
      <c r="A1924" s="17" t="s">
        <v>175</v>
      </c>
      <c r="B1924" s="15" t="s">
        <v>176</v>
      </c>
      <c r="C1924" s="18"/>
    </row>
    <row r="1925" spans="1:3" x14ac:dyDescent="0.25">
      <c r="A1925" s="20" t="s">
        <v>3239</v>
      </c>
      <c r="B1925" s="21">
        <v>45742</v>
      </c>
      <c r="C1925" s="22"/>
    </row>
    <row r="1926" spans="1:3" x14ac:dyDescent="0.25">
      <c r="A1926" s="12" t="s">
        <v>2426</v>
      </c>
      <c r="B1926" s="15">
        <v>43385</v>
      </c>
      <c r="C1926" s="14"/>
    </row>
    <row r="1927" spans="1:3" x14ac:dyDescent="0.25">
      <c r="A1927" s="17" t="s">
        <v>128</v>
      </c>
      <c r="B1927" s="15">
        <v>39708</v>
      </c>
      <c r="C1927" s="18"/>
    </row>
    <row r="1928" spans="1:3" ht="45" x14ac:dyDescent="0.25">
      <c r="A1928" s="12" t="s">
        <v>2122</v>
      </c>
      <c r="B1928" s="15" t="s">
        <v>2123</v>
      </c>
      <c r="C1928" s="14"/>
    </row>
    <row r="1929" spans="1:3" x14ac:dyDescent="0.25">
      <c r="A1929" s="17" t="s">
        <v>337</v>
      </c>
      <c r="B1929" s="15">
        <v>39952</v>
      </c>
      <c r="C1929" s="18"/>
    </row>
    <row r="1930" spans="1:3" x14ac:dyDescent="0.25">
      <c r="A1930" s="17" t="s">
        <v>33</v>
      </c>
      <c r="B1930" s="15">
        <v>39094</v>
      </c>
      <c r="C1930" s="18"/>
    </row>
    <row r="1931" spans="1:3" x14ac:dyDescent="0.25">
      <c r="A1931" s="17" t="s">
        <v>724</v>
      </c>
      <c r="B1931" s="15" t="s">
        <v>725</v>
      </c>
      <c r="C1931" s="18"/>
    </row>
    <row r="1932" spans="1:3" ht="45" x14ac:dyDescent="0.25">
      <c r="A1932" s="12" t="s">
        <v>2060</v>
      </c>
      <c r="B1932" s="15" t="s">
        <v>2061</v>
      </c>
      <c r="C1932" s="14"/>
    </row>
    <row r="1933" spans="1:3" x14ac:dyDescent="0.25">
      <c r="A1933" s="17" t="s">
        <v>304</v>
      </c>
      <c r="B1933" s="15">
        <v>39924</v>
      </c>
      <c r="C1933" s="18"/>
    </row>
    <row r="1934" spans="1:3" x14ac:dyDescent="0.25">
      <c r="A1934" s="12" t="s">
        <v>3128</v>
      </c>
      <c r="B1934" s="16">
        <v>45243</v>
      </c>
      <c r="C1934" s="14"/>
    </row>
    <row r="1935" spans="1:3" x14ac:dyDescent="0.25">
      <c r="A1935" s="17" t="s">
        <v>672</v>
      </c>
      <c r="B1935" s="15">
        <v>40372</v>
      </c>
      <c r="C1935" s="18"/>
    </row>
    <row r="1936" spans="1:3" x14ac:dyDescent="0.25">
      <c r="A1936" s="12" t="s">
        <v>2376</v>
      </c>
      <c r="B1936" s="15">
        <v>43299</v>
      </c>
      <c r="C1936" s="14"/>
    </row>
    <row r="1937" spans="1:3" x14ac:dyDescent="0.25">
      <c r="A1937" s="12" t="s">
        <v>2452</v>
      </c>
      <c r="B1937" s="15">
        <v>43441</v>
      </c>
      <c r="C1937" s="14"/>
    </row>
    <row r="1938" spans="1:3" x14ac:dyDescent="0.25">
      <c r="A1938" s="20" t="s">
        <v>3251</v>
      </c>
      <c r="B1938" s="21">
        <v>45776</v>
      </c>
      <c r="C1938" s="22"/>
    </row>
    <row r="1939" spans="1:3" ht="30" x14ac:dyDescent="0.25">
      <c r="A1939" s="17" t="s">
        <v>1812</v>
      </c>
      <c r="B1939" s="15" t="s">
        <v>1813</v>
      </c>
      <c r="C1939" s="18"/>
    </row>
    <row r="1940" spans="1:3" x14ac:dyDescent="0.25">
      <c r="A1940" s="17" t="s">
        <v>1690</v>
      </c>
      <c r="B1940" s="15">
        <v>42290</v>
      </c>
      <c r="C1940" s="18"/>
    </row>
    <row r="1941" spans="1:3" x14ac:dyDescent="0.25">
      <c r="A1941" s="17" t="s">
        <v>1689</v>
      </c>
      <c r="B1941" s="15">
        <v>42290</v>
      </c>
      <c r="C1941" s="18"/>
    </row>
    <row r="1942" spans="1:3" x14ac:dyDescent="0.25">
      <c r="A1942" s="17" t="s">
        <v>258</v>
      </c>
      <c r="B1942" s="15">
        <v>39888</v>
      </c>
      <c r="C1942" s="18"/>
    </row>
    <row r="1943" spans="1:3" ht="30" x14ac:dyDescent="0.25">
      <c r="A1943" s="17" t="s">
        <v>178</v>
      </c>
      <c r="B1943" s="13">
        <v>39804</v>
      </c>
      <c r="C1943" s="18"/>
    </row>
    <row r="1944" spans="1:3" ht="30" x14ac:dyDescent="0.25">
      <c r="A1944" s="43" t="s">
        <v>2660</v>
      </c>
      <c r="B1944" s="15" t="s">
        <v>2661</v>
      </c>
      <c r="C1944" s="14"/>
    </row>
    <row r="1945" spans="1:3" x14ac:dyDescent="0.25">
      <c r="A1945" s="17" t="s">
        <v>391</v>
      </c>
      <c r="B1945" s="15">
        <v>39988</v>
      </c>
      <c r="C1945" s="18"/>
    </row>
    <row r="1946" spans="1:3" x14ac:dyDescent="0.25">
      <c r="A1946" s="12" t="s">
        <v>2679</v>
      </c>
      <c r="B1946" s="16">
        <v>44047</v>
      </c>
      <c r="C1946" s="14"/>
    </row>
    <row r="1947" spans="1:3" x14ac:dyDescent="0.25">
      <c r="A1947" s="12" t="s">
        <v>2683</v>
      </c>
      <c r="B1947" s="16">
        <v>44061</v>
      </c>
      <c r="C1947" s="14"/>
    </row>
    <row r="1948" spans="1:3" x14ac:dyDescent="0.25">
      <c r="A1948" s="12" t="s">
        <v>2713</v>
      </c>
      <c r="B1948" s="16">
        <v>44180</v>
      </c>
      <c r="C1948" s="14"/>
    </row>
    <row r="1949" spans="1:3" x14ac:dyDescent="0.25">
      <c r="A1949" s="17" t="s">
        <v>901</v>
      </c>
      <c r="B1949" s="15">
        <v>40808</v>
      </c>
      <c r="C1949" s="18"/>
    </row>
    <row r="1950" spans="1:3" x14ac:dyDescent="0.25">
      <c r="A1950" s="17" t="s">
        <v>303</v>
      </c>
      <c r="B1950" s="15">
        <v>39923</v>
      </c>
      <c r="C1950" s="18"/>
    </row>
    <row r="1951" spans="1:3" x14ac:dyDescent="0.25">
      <c r="A1951" s="17" t="s">
        <v>1483</v>
      </c>
      <c r="B1951" s="15">
        <v>41920</v>
      </c>
      <c r="C1951" s="18"/>
    </row>
    <row r="1952" spans="1:3" ht="45" x14ac:dyDescent="0.25">
      <c r="A1952" s="17" t="s">
        <v>256</v>
      </c>
      <c r="B1952" s="15" t="s">
        <v>257</v>
      </c>
      <c r="C1952" s="18"/>
    </row>
    <row r="1953" spans="1:3" x14ac:dyDescent="0.25">
      <c r="A1953" s="17" t="s">
        <v>796</v>
      </c>
      <c r="B1953" s="15">
        <v>40585</v>
      </c>
      <c r="C1953" s="18"/>
    </row>
    <row r="1954" spans="1:3" ht="45" x14ac:dyDescent="0.25">
      <c r="A1954" s="12" t="s">
        <v>2851</v>
      </c>
      <c r="B1954" s="25" t="s">
        <v>2852</v>
      </c>
      <c r="C1954" s="14"/>
    </row>
    <row r="1955" spans="1:3" ht="30" x14ac:dyDescent="0.25">
      <c r="A1955" s="17" t="s">
        <v>1921</v>
      </c>
      <c r="B1955" s="15" t="s">
        <v>1922</v>
      </c>
      <c r="C1955" s="18"/>
    </row>
    <row r="1956" spans="1:3" ht="30" x14ac:dyDescent="0.25">
      <c r="A1956" s="17" t="s">
        <v>910</v>
      </c>
      <c r="B1956" s="15">
        <v>40819</v>
      </c>
      <c r="C1956" s="18"/>
    </row>
    <row r="1957" spans="1:3" x14ac:dyDescent="0.25">
      <c r="A1957" s="20" t="s">
        <v>3281</v>
      </c>
      <c r="B1957" s="21">
        <v>45959</v>
      </c>
      <c r="C1957" s="22"/>
    </row>
    <row r="1958" spans="1:3" x14ac:dyDescent="0.25">
      <c r="A1958" s="17" t="s">
        <v>1017</v>
      </c>
      <c r="B1958" s="15">
        <v>41001</v>
      </c>
      <c r="C1958" s="18"/>
    </row>
    <row r="1959" spans="1:3" x14ac:dyDescent="0.25">
      <c r="A1959" s="20" t="s">
        <v>3227</v>
      </c>
      <c r="B1959" s="21">
        <v>45694</v>
      </c>
      <c r="C1959" s="22"/>
    </row>
    <row r="1960" spans="1:3" ht="45" x14ac:dyDescent="0.25">
      <c r="A1960" s="17" t="s">
        <v>1258</v>
      </c>
      <c r="B1960" s="15" t="s">
        <v>1259</v>
      </c>
      <c r="C1960" s="18"/>
    </row>
    <row r="1961" spans="1:3" x14ac:dyDescent="0.25">
      <c r="A1961" s="12" t="s">
        <v>2522</v>
      </c>
      <c r="B1961" s="15">
        <v>43595</v>
      </c>
      <c r="C1961" s="14"/>
    </row>
    <row r="1962" spans="1:3" x14ac:dyDescent="0.25">
      <c r="A1962" s="12" t="s">
        <v>2523</v>
      </c>
      <c r="B1962" s="15">
        <v>43595</v>
      </c>
      <c r="C1962" s="14"/>
    </row>
    <row r="1963" spans="1:3" ht="45" x14ac:dyDescent="0.25">
      <c r="A1963" s="17" t="s">
        <v>1314</v>
      </c>
      <c r="B1963" s="15" t="s">
        <v>1315</v>
      </c>
      <c r="C1963" s="18"/>
    </row>
    <row r="1964" spans="1:3" x14ac:dyDescent="0.25">
      <c r="A1964" s="12" t="s">
        <v>2387</v>
      </c>
      <c r="B1964" s="15">
        <v>43315</v>
      </c>
      <c r="C1964" s="14"/>
    </row>
    <row r="1965" spans="1:3" x14ac:dyDescent="0.25">
      <c r="A1965" s="17" t="s">
        <v>540</v>
      </c>
      <c r="B1965" s="15">
        <v>40200</v>
      </c>
      <c r="C1965" s="18"/>
    </row>
    <row r="1966" spans="1:3" x14ac:dyDescent="0.25">
      <c r="A1966" s="17" t="s">
        <v>236</v>
      </c>
      <c r="B1966" s="15">
        <v>39875</v>
      </c>
      <c r="C1966" s="18"/>
    </row>
    <row r="1967" spans="1:3" x14ac:dyDescent="0.25">
      <c r="A1967" s="12" t="s">
        <v>2697</v>
      </c>
      <c r="B1967" s="16">
        <v>44117</v>
      </c>
      <c r="C1967" s="14"/>
    </row>
    <row r="1968" spans="1:3" x14ac:dyDescent="0.25">
      <c r="A1968" s="12" t="s">
        <v>2383</v>
      </c>
      <c r="B1968" s="15">
        <v>43308</v>
      </c>
      <c r="C1968" s="14"/>
    </row>
    <row r="1969" spans="1:3" x14ac:dyDescent="0.25">
      <c r="A1969" s="12" t="s">
        <v>2745</v>
      </c>
      <c r="B1969" s="16">
        <v>44281</v>
      </c>
      <c r="C1969" s="14"/>
    </row>
    <row r="1970" spans="1:3" x14ac:dyDescent="0.25">
      <c r="A1970" s="17" t="s">
        <v>1265</v>
      </c>
      <c r="B1970" s="15">
        <v>41526</v>
      </c>
      <c r="C1970" s="18"/>
    </row>
    <row r="1971" spans="1:3" x14ac:dyDescent="0.25">
      <c r="A1971" s="12" t="s">
        <v>1946</v>
      </c>
      <c r="B1971" s="15">
        <v>42689</v>
      </c>
      <c r="C1971" s="14"/>
    </row>
    <row r="1972" spans="1:3" x14ac:dyDescent="0.25">
      <c r="A1972" s="17" t="s">
        <v>1605</v>
      </c>
      <c r="B1972" s="15">
        <v>42139</v>
      </c>
      <c r="C1972" s="18"/>
    </row>
    <row r="1973" spans="1:3" x14ac:dyDescent="0.25">
      <c r="A1973" s="12" t="s">
        <v>2257</v>
      </c>
      <c r="B1973" s="15">
        <v>43074</v>
      </c>
      <c r="C1973" s="14"/>
    </row>
    <row r="1974" spans="1:3" x14ac:dyDescent="0.25">
      <c r="A1974" s="17" t="s">
        <v>1437</v>
      </c>
      <c r="B1974" s="15">
        <v>41856</v>
      </c>
      <c r="C1974" s="18"/>
    </row>
    <row r="1975" spans="1:3" x14ac:dyDescent="0.25">
      <c r="A1975" s="17" t="s">
        <v>2532</v>
      </c>
      <c r="B1975" s="15">
        <v>43613</v>
      </c>
      <c r="C1975" s="14"/>
    </row>
    <row r="1976" spans="1:3" x14ac:dyDescent="0.25">
      <c r="A1976" s="17" t="s">
        <v>616</v>
      </c>
      <c r="B1976" s="15">
        <v>40304</v>
      </c>
      <c r="C1976" s="18"/>
    </row>
    <row r="1977" spans="1:3" ht="30" x14ac:dyDescent="0.25">
      <c r="A1977" s="17" t="s">
        <v>284</v>
      </c>
      <c r="B1977" s="15" t="s">
        <v>285</v>
      </c>
      <c r="C1977" s="18"/>
    </row>
    <row r="1978" spans="1:3" ht="30" x14ac:dyDescent="0.25">
      <c r="A1978" s="17" t="s">
        <v>1876</v>
      </c>
      <c r="B1978" s="15" t="s">
        <v>1877</v>
      </c>
      <c r="C1978" s="18"/>
    </row>
    <row r="1979" spans="1:3" x14ac:dyDescent="0.25">
      <c r="A1979" s="17" t="s">
        <v>611</v>
      </c>
      <c r="B1979" s="15">
        <v>40298</v>
      </c>
      <c r="C1979" s="18"/>
    </row>
    <row r="1980" spans="1:3" x14ac:dyDescent="0.25">
      <c r="A1980" s="17" t="s">
        <v>729</v>
      </c>
      <c r="B1980" s="15">
        <v>40455</v>
      </c>
      <c r="C1980" s="18"/>
    </row>
    <row r="1981" spans="1:3" ht="45" x14ac:dyDescent="0.25">
      <c r="A1981" s="12" t="s">
        <v>2549</v>
      </c>
      <c r="B1981" s="15" t="s">
        <v>2550</v>
      </c>
      <c r="C1981" s="14"/>
    </row>
    <row r="1982" spans="1:3" x14ac:dyDescent="0.25">
      <c r="A1982" s="17" t="s">
        <v>730</v>
      </c>
      <c r="B1982" s="15">
        <v>40455</v>
      </c>
      <c r="C1982" s="18"/>
    </row>
    <row r="1983" spans="1:3" x14ac:dyDescent="0.25">
      <c r="A1983" s="17" t="s">
        <v>902</v>
      </c>
      <c r="B1983" s="15">
        <v>40812</v>
      </c>
      <c r="C1983" s="18"/>
    </row>
    <row r="1984" spans="1:3" x14ac:dyDescent="0.25">
      <c r="A1984" s="17" t="s">
        <v>851</v>
      </c>
      <c r="B1984" s="15">
        <v>40688</v>
      </c>
      <c r="C1984" s="18"/>
    </row>
    <row r="1985" spans="1:3" x14ac:dyDescent="0.25">
      <c r="A1985" s="17" t="s">
        <v>1433</v>
      </c>
      <c r="B1985" s="15">
        <v>41834</v>
      </c>
      <c r="C1985" s="18"/>
    </row>
    <row r="1986" spans="1:3" x14ac:dyDescent="0.25">
      <c r="A1986" s="12" t="s">
        <v>2104</v>
      </c>
      <c r="B1986" s="15">
        <v>42878</v>
      </c>
      <c r="C1986" s="14"/>
    </row>
    <row r="1987" spans="1:3" x14ac:dyDescent="0.25">
      <c r="A1987" s="17" t="s">
        <v>1564</v>
      </c>
      <c r="B1987" s="15">
        <v>42066</v>
      </c>
      <c r="C1987" s="18"/>
    </row>
    <row r="1988" spans="1:3" ht="75" x14ac:dyDescent="0.25">
      <c r="A1988" s="17" t="s">
        <v>1423</v>
      </c>
      <c r="B1988" s="15" t="s">
        <v>1424</v>
      </c>
      <c r="C1988" s="18"/>
    </row>
    <row r="1989" spans="1:3" ht="30" x14ac:dyDescent="0.25">
      <c r="A1989" s="17" t="s">
        <v>129</v>
      </c>
      <c r="B1989" s="15">
        <v>39715</v>
      </c>
      <c r="C1989" s="18"/>
    </row>
    <row r="1990" spans="1:3" x14ac:dyDescent="0.25">
      <c r="A1990" s="12" t="s">
        <v>2117</v>
      </c>
      <c r="B1990" s="15">
        <v>42893</v>
      </c>
      <c r="C1990" s="14"/>
    </row>
    <row r="1991" spans="1:3" x14ac:dyDescent="0.25">
      <c r="A1991" s="17" t="s">
        <v>868</v>
      </c>
      <c r="B1991" s="15">
        <v>40717</v>
      </c>
      <c r="C1991" s="18"/>
    </row>
    <row r="1992" spans="1:3" ht="45" x14ac:dyDescent="0.25">
      <c r="A1992" s="12" t="s">
        <v>2564</v>
      </c>
      <c r="B1992" s="26" t="s">
        <v>2565</v>
      </c>
      <c r="C1992" s="14"/>
    </row>
    <row r="1993" spans="1:3" ht="45" x14ac:dyDescent="0.25">
      <c r="A1993" s="12" t="s">
        <v>2260</v>
      </c>
      <c r="B1993" s="15" t="s">
        <v>2261</v>
      </c>
      <c r="C1993" s="14"/>
    </row>
    <row r="1994" spans="1:3" x14ac:dyDescent="0.25">
      <c r="A1994" s="17" t="s">
        <v>498</v>
      </c>
      <c r="B1994" s="15">
        <v>40129</v>
      </c>
      <c r="C1994" s="18"/>
    </row>
    <row r="1995" spans="1:3" ht="45" x14ac:dyDescent="0.25">
      <c r="A1995" s="17" t="s">
        <v>751</v>
      </c>
      <c r="B1995" s="15" t="s">
        <v>752</v>
      </c>
      <c r="C1995" s="18"/>
    </row>
    <row r="1996" spans="1:3" x14ac:dyDescent="0.25">
      <c r="A1996" s="17" t="s">
        <v>118</v>
      </c>
      <c r="B1996" s="15">
        <v>39688</v>
      </c>
      <c r="C1996" s="18"/>
    </row>
    <row r="1997" spans="1:3" ht="45" x14ac:dyDescent="0.25">
      <c r="A1997" s="17" t="s">
        <v>368</v>
      </c>
      <c r="B1997" s="15" t="s">
        <v>365</v>
      </c>
      <c r="C1997" s="18"/>
    </row>
    <row r="1998" spans="1:3" ht="30" x14ac:dyDescent="0.25">
      <c r="A1998" s="12" t="s">
        <v>2725</v>
      </c>
      <c r="B1998" s="13" t="s">
        <v>2726</v>
      </c>
      <c r="C1998" s="14"/>
    </row>
    <row r="1999" spans="1:3" x14ac:dyDescent="0.25">
      <c r="A1999" s="12" t="s">
        <v>2317</v>
      </c>
      <c r="B1999" s="15">
        <v>43186</v>
      </c>
      <c r="C1999" s="14"/>
    </row>
    <row r="2000" spans="1:3" x14ac:dyDescent="0.25">
      <c r="A2000" s="17" t="s">
        <v>127</v>
      </c>
      <c r="B2000" s="15">
        <v>39706</v>
      </c>
      <c r="C2000" s="18"/>
    </row>
    <row r="2001" spans="1:3" x14ac:dyDescent="0.25">
      <c r="A2001" s="12" t="s">
        <v>2885</v>
      </c>
      <c r="B2001" s="24" t="s">
        <v>2886</v>
      </c>
      <c r="C2001" s="14"/>
    </row>
    <row r="2002" spans="1:3" ht="30" x14ac:dyDescent="0.25">
      <c r="A2002" s="17" t="s">
        <v>949</v>
      </c>
      <c r="B2002" s="15" t="s">
        <v>950</v>
      </c>
      <c r="C2002" s="18"/>
    </row>
    <row r="2003" spans="1:3" ht="30" x14ac:dyDescent="0.25">
      <c r="A2003" s="12" t="s">
        <v>2347</v>
      </c>
      <c r="B2003" s="15" t="s">
        <v>2348</v>
      </c>
      <c r="C2003" s="14"/>
    </row>
    <row r="2004" spans="1:3" ht="75" x14ac:dyDescent="0.25">
      <c r="A2004" s="17" t="s">
        <v>186</v>
      </c>
      <c r="B2004" s="15" t="s">
        <v>187</v>
      </c>
      <c r="C2004" s="27">
        <v>41450</v>
      </c>
    </row>
    <row r="2005" spans="1:3" ht="30" x14ac:dyDescent="0.25">
      <c r="A2005" s="12" t="s">
        <v>2545</v>
      </c>
      <c r="B2005" s="15" t="s">
        <v>2546</v>
      </c>
      <c r="C2005" s="14"/>
    </row>
    <row r="2006" spans="1:3" x14ac:dyDescent="0.25">
      <c r="A2006" s="17" t="s">
        <v>653</v>
      </c>
      <c r="B2006" s="15">
        <v>40347</v>
      </c>
      <c r="C2006" s="18"/>
    </row>
    <row r="2007" spans="1:3" x14ac:dyDescent="0.25">
      <c r="A2007" s="12" t="s">
        <v>3016</v>
      </c>
      <c r="B2007" s="24" t="s">
        <v>3017</v>
      </c>
      <c r="C2007" s="14"/>
    </row>
    <row r="2008" spans="1:3" ht="30" x14ac:dyDescent="0.25">
      <c r="A2008" s="17" t="s">
        <v>277</v>
      </c>
      <c r="B2008" s="15" t="s">
        <v>278</v>
      </c>
      <c r="C2008" s="18"/>
    </row>
    <row r="2009" spans="1:3" x14ac:dyDescent="0.25">
      <c r="A2009" s="17" t="s">
        <v>1925</v>
      </c>
      <c r="B2009" s="15">
        <v>42661</v>
      </c>
      <c r="C2009" s="18"/>
    </row>
    <row r="2010" spans="1:3" x14ac:dyDescent="0.25">
      <c r="A2010" s="17" t="s">
        <v>1291</v>
      </c>
      <c r="B2010" s="15" t="s">
        <v>1292</v>
      </c>
      <c r="C2010" s="18"/>
    </row>
    <row r="2011" spans="1:3" x14ac:dyDescent="0.25">
      <c r="A2011" s="17" t="s">
        <v>1458</v>
      </c>
      <c r="B2011" s="15">
        <v>41886</v>
      </c>
      <c r="C2011" s="18"/>
    </row>
    <row r="2012" spans="1:3" x14ac:dyDescent="0.25">
      <c r="A2012" s="17" t="s">
        <v>1924</v>
      </c>
      <c r="B2012" s="15">
        <v>42661</v>
      </c>
      <c r="C2012" s="18"/>
    </row>
    <row r="2013" spans="1:3" x14ac:dyDescent="0.25">
      <c r="A2013" s="17" t="s">
        <v>690</v>
      </c>
      <c r="B2013" s="15">
        <v>40406</v>
      </c>
      <c r="C2013" s="18"/>
    </row>
    <row r="2014" spans="1:3" x14ac:dyDescent="0.25">
      <c r="A2014" s="12" t="s">
        <v>2282</v>
      </c>
      <c r="B2014" s="15">
        <v>43117</v>
      </c>
      <c r="C2014" s="14"/>
    </row>
    <row r="2015" spans="1:3" ht="45" x14ac:dyDescent="0.25">
      <c r="A2015" s="12" t="s">
        <v>3035</v>
      </c>
      <c r="B2015" s="13" t="s">
        <v>3036</v>
      </c>
      <c r="C2015" s="14"/>
    </row>
    <row r="2016" spans="1:3" ht="60" x14ac:dyDescent="0.25">
      <c r="A2016" s="17" t="s">
        <v>710</v>
      </c>
      <c r="B2016" s="15" t="s">
        <v>711</v>
      </c>
      <c r="C2016" s="18"/>
    </row>
    <row r="2017" spans="1:3" x14ac:dyDescent="0.25">
      <c r="A2017" s="12" t="s">
        <v>2385</v>
      </c>
      <c r="B2017" s="15">
        <v>43314</v>
      </c>
      <c r="C2017" s="14"/>
    </row>
    <row r="2018" spans="1:3" x14ac:dyDescent="0.25">
      <c r="A2018" s="17" t="s">
        <v>655</v>
      </c>
      <c r="B2018" s="15" t="s">
        <v>656</v>
      </c>
      <c r="C2018" s="18"/>
    </row>
    <row r="2019" spans="1:3" ht="30" x14ac:dyDescent="0.25">
      <c r="A2019" s="12" t="s">
        <v>2584</v>
      </c>
      <c r="B2019" s="15">
        <v>43712</v>
      </c>
      <c r="C2019" s="14"/>
    </row>
    <row r="2020" spans="1:3" ht="30" x14ac:dyDescent="0.25">
      <c r="A2020" s="12" t="s">
        <v>3049</v>
      </c>
      <c r="B2020" s="13" t="s">
        <v>3050</v>
      </c>
      <c r="C2020" s="14"/>
    </row>
    <row r="2021" spans="1:3" x14ac:dyDescent="0.25">
      <c r="A2021" s="17" t="s">
        <v>659</v>
      </c>
      <c r="B2021" s="15">
        <v>40351</v>
      </c>
      <c r="C2021" s="18"/>
    </row>
    <row r="2022" spans="1:3" x14ac:dyDescent="0.25">
      <c r="A2022" s="17" t="s">
        <v>213</v>
      </c>
      <c r="B2022" s="15">
        <v>39848</v>
      </c>
      <c r="C2022" s="18"/>
    </row>
    <row r="2023" spans="1:3" ht="45" x14ac:dyDescent="0.25">
      <c r="A2023" s="12" t="s">
        <v>2457</v>
      </c>
      <c r="B2023" s="15" t="s">
        <v>2458</v>
      </c>
      <c r="C2023" s="14"/>
    </row>
    <row r="2024" spans="1:3" x14ac:dyDescent="0.25">
      <c r="A2024" s="17" t="s">
        <v>664</v>
      </c>
      <c r="B2024" s="15">
        <v>40365</v>
      </c>
      <c r="C2024" s="18"/>
    </row>
    <row r="2025" spans="1:3" ht="45" x14ac:dyDescent="0.25">
      <c r="A2025" s="17" t="s">
        <v>736</v>
      </c>
      <c r="B2025" s="15" t="s">
        <v>737</v>
      </c>
      <c r="C2025" s="18"/>
    </row>
    <row r="2026" spans="1:3" ht="30" x14ac:dyDescent="0.25">
      <c r="A2026" s="17" t="s">
        <v>1283</v>
      </c>
      <c r="B2026" s="15">
        <v>41561</v>
      </c>
      <c r="C2026" s="18"/>
    </row>
    <row r="2027" spans="1:3" x14ac:dyDescent="0.25">
      <c r="A2027" s="17" t="s">
        <v>535</v>
      </c>
      <c r="B2027" s="15">
        <v>40186</v>
      </c>
      <c r="C2027" s="18"/>
    </row>
    <row r="2028" spans="1:3" ht="30" x14ac:dyDescent="0.25">
      <c r="A2028" s="12" t="s">
        <v>2723</v>
      </c>
      <c r="B2028" s="13" t="s">
        <v>2724</v>
      </c>
      <c r="C2028" s="14"/>
    </row>
    <row r="2029" spans="1:3" x14ac:dyDescent="0.25">
      <c r="A2029" s="12" t="s">
        <v>2622</v>
      </c>
      <c r="B2029" s="15">
        <v>43808</v>
      </c>
      <c r="C2029" s="14"/>
    </row>
    <row r="2030" spans="1:3" x14ac:dyDescent="0.25">
      <c r="A2030" s="12" t="s">
        <v>2675</v>
      </c>
      <c r="B2030" s="16">
        <v>44041</v>
      </c>
      <c r="C2030" s="14"/>
    </row>
    <row r="2031" spans="1:3" x14ac:dyDescent="0.25">
      <c r="A2031" s="17" t="s">
        <v>992</v>
      </c>
      <c r="B2031" s="15">
        <v>40947</v>
      </c>
      <c r="C2031" s="18"/>
    </row>
    <row r="2032" spans="1:3" x14ac:dyDescent="0.25">
      <c r="A2032" s="17" t="s">
        <v>1669</v>
      </c>
      <c r="B2032" s="15">
        <v>42269</v>
      </c>
      <c r="C2032" s="18"/>
    </row>
    <row r="2033" spans="1:3" x14ac:dyDescent="0.25">
      <c r="A2033" s="12" t="s">
        <v>2579</v>
      </c>
      <c r="B2033" s="15">
        <v>43705</v>
      </c>
      <c r="C2033" s="14"/>
    </row>
    <row r="2034" spans="1:3" x14ac:dyDescent="0.25">
      <c r="A2034" s="17" t="s">
        <v>80</v>
      </c>
      <c r="B2034" s="15">
        <v>39561</v>
      </c>
      <c r="C2034" s="18"/>
    </row>
    <row r="2035" spans="1:3" ht="45" x14ac:dyDescent="0.25">
      <c r="A2035" s="12" t="s">
        <v>1973</v>
      </c>
      <c r="B2035" s="15" t="s">
        <v>1974</v>
      </c>
      <c r="C2035" s="14"/>
    </row>
    <row r="2036" spans="1:3" x14ac:dyDescent="0.25">
      <c r="A2036" s="17" t="s">
        <v>1320</v>
      </c>
      <c r="B2036" s="15">
        <v>41660</v>
      </c>
      <c r="C2036" s="18"/>
    </row>
    <row r="2037" spans="1:3" x14ac:dyDescent="0.25">
      <c r="A2037" s="17" t="s">
        <v>1034</v>
      </c>
      <c r="B2037" s="15">
        <v>41051</v>
      </c>
      <c r="C2037" s="18"/>
    </row>
    <row r="2038" spans="1:3" x14ac:dyDescent="0.25">
      <c r="A2038" s="17" t="s">
        <v>1247</v>
      </c>
      <c r="B2038" s="15">
        <v>41493</v>
      </c>
      <c r="C2038" s="18"/>
    </row>
    <row r="2039" spans="1:3" ht="30" x14ac:dyDescent="0.25">
      <c r="A2039" s="12" t="s">
        <v>2374</v>
      </c>
      <c r="B2039" s="15" t="s">
        <v>2375</v>
      </c>
      <c r="C2039" s="14"/>
    </row>
    <row r="2040" spans="1:3" ht="75" x14ac:dyDescent="0.25">
      <c r="A2040" s="17" t="s">
        <v>1162</v>
      </c>
      <c r="B2040" s="15" t="s">
        <v>1161</v>
      </c>
      <c r="C2040" s="18"/>
    </row>
    <row r="2041" spans="1:3" ht="75" x14ac:dyDescent="0.25">
      <c r="A2041" s="17" t="s">
        <v>1160</v>
      </c>
      <c r="B2041" s="15" t="s">
        <v>1161</v>
      </c>
      <c r="C2041" s="18"/>
    </row>
    <row r="2042" spans="1:3" x14ac:dyDescent="0.25">
      <c r="A2042" s="17" t="s">
        <v>735</v>
      </c>
      <c r="B2042" s="15">
        <v>40457</v>
      </c>
      <c r="C2042" s="18"/>
    </row>
    <row r="2043" spans="1:3" x14ac:dyDescent="0.25">
      <c r="A2043" s="17" t="s">
        <v>1442</v>
      </c>
      <c r="B2043" s="15">
        <v>41856</v>
      </c>
      <c r="C2043" s="18"/>
    </row>
    <row r="2044" spans="1:3" ht="45" x14ac:dyDescent="0.25">
      <c r="A2044" s="17" t="s">
        <v>882</v>
      </c>
      <c r="B2044" s="15" t="s">
        <v>883</v>
      </c>
      <c r="C2044" s="18"/>
    </row>
    <row r="2045" spans="1:3" ht="30" x14ac:dyDescent="0.25">
      <c r="A2045" s="17" t="s">
        <v>1923</v>
      </c>
      <c r="B2045" s="15">
        <v>42660</v>
      </c>
      <c r="C2045" s="18"/>
    </row>
    <row r="2046" spans="1:3" x14ac:dyDescent="0.25">
      <c r="A2046" s="17" t="s">
        <v>734</v>
      </c>
      <c r="B2046" s="15">
        <v>40457</v>
      </c>
      <c r="C2046" s="18"/>
    </row>
    <row r="2047" spans="1:3" x14ac:dyDescent="0.25">
      <c r="A2047" s="17" t="s">
        <v>733</v>
      </c>
      <c r="B2047" s="15">
        <v>40457</v>
      </c>
      <c r="C2047" s="18"/>
    </row>
    <row r="2048" spans="1:3" ht="30" x14ac:dyDescent="0.25">
      <c r="A2048" s="12" t="s">
        <v>2616</v>
      </c>
      <c r="B2048" s="15" t="s">
        <v>2617</v>
      </c>
      <c r="C2048" s="14"/>
    </row>
    <row r="2049" spans="1:3" x14ac:dyDescent="0.25">
      <c r="A2049" s="17" t="s">
        <v>72</v>
      </c>
      <c r="B2049" s="15">
        <v>39520</v>
      </c>
      <c r="C2049" s="18"/>
    </row>
    <row r="2050" spans="1:3" x14ac:dyDescent="0.25">
      <c r="A2050" s="17" t="s">
        <v>923</v>
      </c>
      <c r="B2050" s="15">
        <v>40842</v>
      </c>
      <c r="C2050" s="18"/>
    </row>
    <row r="2051" spans="1:3" x14ac:dyDescent="0.25">
      <c r="A2051" s="17" t="s">
        <v>1091</v>
      </c>
      <c r="B2051" s="15">
        <v>41138</v>
      </c>
      <c r="C2051" s="18"/>
    </row>
    <row r="2052" spans="1:3" x14ac:dyDescent="0.25">
      <c r="A2052" s="17" t="s">
        <v>1916</v>
      </c>
      <c r="B2052" s="15">
        <v>42653</v>
      </c>
      <c r="C2052" s="18"/>
    </row>
    <row r="2053" spans="1:3" ht="30" x14ac:dyDescent="0.25">
      <c r="A2053" s="17" t="s">
        <v>1549</v>
      </c>
      <c r="B2053" s="15" t="s">
        <v>1550</v>
      </c>
      <c r="C2053" s="18"/>
    </row>
    <row r="2054" spans="1:3" ht="30" x14ac:dyDescent="0.25">
      <c r="A2054" s="12" t="s">
        <v>2095</v>
      </c>
      <c r="B2054" s="15">
        <v>42867</v>
      </c>
      <c r="C2054" s="14"/>
    </row>
    <row r="2055" spans="1:3" ht="45" x14ac:dyDescent="0.25">
      <c r="A2055" s="12" t="s">
        <v>1989</v>
      </c>
      <c r="B2055" s="15" t="s">
        <v>1990</v>
      </c>
      <c r="C2055" s="14"/>
    </row>
    <row r="2056" spans="1:3" ht="45" x14ac:dyDescent="0.25">
      <c r="A2056" s="17" t="s">
        <v>1526</v>
      </c>
      <c r="B2056" s="15" t="s">
        <v>1527</v>
      </c>
      <c r="C2056" s="18"/>
    </row>
    <row r="2057" spans="1:3" x14ac:dyDescent="0.25">
      <c r="A2057" s="17" t="s">
        <v>598</v>
      </c>
      <c r="B2057" s="15">
        <v>40282</v>
      </c>
      <c r="C2057" s="18"/>
    </row>
    <row r="2058" spans="1:3" x14ac:dyDescent="0.25">
      <c r="A2058" s="17" t="s">
        <v>1478</v>
      </c>
      <c r="B2058" s="15">
        <v>41911</v>
      </c>
      <c r="C2058" s="18"/>
    </row>
    <row r="2059" spans="1:3" x14ac:dyDescent="0.25">
      <c r="A2059" s="17" t="s">
        <v>1642</v>
      </c>
      <c r="B2059" s="15">
        <v>42208</v>
      </c>
      <c r="C2059" s="18"/>
    </row>
    <row r="2060" spans="1:3" x14ac:dyDescent="0.25">
      <c r="A2060" s="17" t="s">
        <v>355</v>
      </c>
      <c r="B2060" s="15">
        <v>39969</v>
      </c>
      <c r="C2060" s="18"/>
    </row>
    <row r="2061" spans="1:3" x14ac:dyDescent="0.25">
      <c r="A2061" s="12" t="s">
        <v>2346</v>
      </c>
      <c r="B2061" s="15">
        <v>43238</v>
      </c>
      <c r="C2061" s="14"/>
    </row>
    <row r="2062" spans="1:3" x14ac:dyDescent="0.25">
      <c r="A2062" s="17" t="s">
        <v>1655</v>
      </c>
      <c r="B2062" s="15">
        <v>42229</v>
      </c>
      <c r="C2062" s="18"/>
    </row>
    <row r="2063" spans="1:3" x14ac:dyDescent="0.25">
      <c r="A2063" s="17" t="s">
        <v>607</v>
      </c>
      <c r="B2063" s="15">
        <v>40291</v>
      </c>
      <c r="C2063" s="18"/>
    </row>
    <row r="2064" spans="1:3" x14ac:dyDescent="0.25">
      <c r="A2064" s="12" t="s">
        <v>2648</v>
      </c>
      <c r="B2064" s="15">
        <v>43969</v>
      </c>
      <c r="C2064" s="14"/>
    </row>
    <row r="2065" spans="1:3" x14ac:dyDescent="0.25">
      <c r="A2065" s="17" t="s">
        <v>283</v>
      </c>
      <c r="B2065" s="15">
        <v>39899</v>
      </c>
      <c r="C2065" s="18"/>
    </row>
    <row r="2066" spans="1:3" ht="30" x14ac:dyDescent="0.25">
      <c r="A2066" s="17" t="s">
        <v>333</v>
      </c>
      <c r="B2066" s="15">
        <v>39948</v>
      </c>
      <c r="C2066" s="18"/>
    </row>
    <row r="2067" spans="1:3" ht="30" x14ac:dyDescent="0.25">
      <c r="A2067" s="17" t="s">
        <v>1884</v>
      </c>
      <c r="B2067" s="15">
        <v>42604</v>
      </c>
      <c r="C2067" s="18"/>
    </row>
    <row r="2068" spans="1:3" ht="30" x14ac:dyDescent="0.25">
      <c r="A2068" s="17" t="s">
        <v>179</v>
      </c>
      <c r="B2068" s="15" t="s">
        <v>180</v>
      </c>
      <c r="C2068" s="18"/>
    </row>
    <row r="2069" spans="1:3" x14ac:dyDescent="0.25">
      <c r="A2069" s="20" t="s">
        <v>3286</v>
      </c>
      <c r="B2069" s="21">
        <v>45975</v>
      </c>
      <c r="C2069" s="22"/>
    </row>
    <row r="2070" spans="1:3" x14ac:dyDescent="0.25">
      <c r="A2070" s="17" t="s">
        <v>1412</v>
      </c>
      <c r="B2070" s="15">
        <v>41786</v>
      </c>
      <c r="C2070" s="18"/>
    </row>
    <row r="2071" spans="1:3" ht="30" x14ac:dyDescent="0.25">
      <c r="A2071" s="17" t="s">
        <v>1534</v>
      </c>
      <c r="B2071" s="15" t="s">
        <v>1535</v>
      </c>
      <c r="C2071" s="18"/>
    </row>
    <row r="2072" spans="1:3" x14ac:dyDescent="0.25">
      <c r="A2072" s="12" t="s">
        <v>2232</v>
      </c>
      <c r="B2072" s="15">
        <v>43048</v>
      </c>
      <c r="C2072" s="14"/>
    </row>
    <row r="2073" spans="1:3" x14ac:dyDescent="0.25">
      <c r="A2073" s="17" t="s">
        <v>1089</v>
      </c>
      <c r="B2073" s="15">
        <v>41131</v>
      </c>
      <c r="C2073" s="18"/>
    </row>
    <row r="2074" spans="1:3" x14ac:dyDescent="0.25">
      <c r="A2074" s="12" t="s">
        <v>2384</v>
      </c>
      <c r="B2074" s="15">
        <v>43311</v>
      </c>
      <c r="C2074" s="14"/>
    </row>
    <row r="2075" spans="1:3" ht="30" x14ac:dyDescent="0.25">
      <c r="A2075" s="17" t="s">
        <v>615</v>
      </c>
      <c r="B2075" s="15">
        <v>40304</v>
      </c>
      <c r="C2075" s="18"/>
    </row>
    <row r="2076" spans="1:3" x14ac:dyDescent="0.25">
      <c r="A2076" s="12" t="s">
        <v>2395</v>
      </c>
      <c r="B2076" s="15">
        <v>43336</v>
      </c>
      <c r="C2076" s="14"/>
    </row>
    <row r="2077" spans="1:3" x14ac:dyDescent="0.25">
      <c r="A2077" s="17" t="s">
        <v>833</v>
      </c>
      <c r="B2077" s="15">
        <v>40641</v>
      </c>
      <c r="C2077" s="18"/>
    </row>
    <row r="2078" spans="1:3" x14ac:dyDescent="0.25">
      <c r="A2078" s="17" t="s">
        <v>210</v>
      </c>
      <c r="B2078" s="15">
        <v>39846</v>
      </c>
      <c r="C2078" s="18"/>
    </row>
    <row r="2079" spans="1:3" x14ac:dyDescent="0.25">
      <c r="A2079" s="17" t="s">
        <v>634</v>
      </c>
      <c r="B2079" s="15" t="s">
        <v>635</v>
      </c>
      <c r="C2079" s="18"/>
    </row>
    <row r="2080" spans="1:3" x14ac:dyDescent="0.25">
      <c r="A2080" s="12" t="s">
        <v>3105</v>
      </c>
      <c r="B2080" s="16">
        <v>45160</v>
      </c>
      <c r="C2080" s="14"/>
    </row>
    <row r="2081" spans="1:3" x14ac:dyDescent="0.25">
      <c r="A2081" s="12" t="s">
        <v>2741</v>
      </c>
      <c r="B2081" s="16">
        <v>44270</v>
      </c>
      <c r="C2081" s="14"/>
    </row>
    <row r="2082" spans="1:3" x14ac:dyDescent="0.25">
      <c r="A2082" s="17" t="s">
        <v>108</v>
      </c>
      <c r="B2082" s="15">
        <v>39664</v>
      </c>
      <c r="C2082" s="18"/>
    </row>
    <row r="2083" spans="1:3" x14ac:dyDescent="0.25">
      <c r="A2083" s="17" t="s">
        <v>269</v>
      </c>
      <c r="B2083" s="15">
        <v>39891</v>
      </c>
      <c r="C2083" s="18"/>
    </row>
    <row r="2084" spans="1:3" x14ac:dyDescent="0.25">
      <c r="A2084" s="17" t="s">
        <v>682</v>
      </c>
      <c r="B2084" s="15">
        <v>40385</v>
      </c>
      <c r="C2084" s="18"/>
    </row>
    <row r="2085" spans="1:3" ht="45" x14ac:dyDescent="0.25">
      <c r="A2085" s="17" t="s">
        <v>518</v>
      </c>
      <c r="B2085" s="15" t="s">
        <v>519</v>
      </c>
      <c r="C2085" s="18"/>
    </row>
    <row r="2086" spans="1:3" x14ac:dyDescent="0.25">
      <c r="A2086" s="20" t="s">
        <v>3282</v>
      </c>
      <c r="B2086" s="21">
        <v>45960</v>
      </c>
      <c r="C2086" s="22"/>
    </row>
    <row r="2087" spans="1:3" x14ac:dyDescent="0.25">
      <c r="A2087" s="12" t="s">
        <v>2065</v>
      </c>
      <c r="B2087" s="15">
        <v>42831</v>
      </c>
      <c r="C2087" s="14"/>
    </row>
    <row r="2088" spans="1:3" ht="45" x14ac:dyDescent="0.25">
      <c r="A2088" s="17" t="s">
        <v>163</v>
      </c>
      <c r="B2088" s="15" t="s">
        <v>162</v>
      </c>
      <c r="C2088" s="18"/>
    </row>
    <row r="2089" spans="1:3" ht="45" x14ac:dyDescent="0.25">
      <c r="A2089" s="17" t="s">
        <v>1627</v>
      </c>
      <c r="B2089" s="15" t="s">
        <v>1628</v>
      </c>
      <c r="C2089" s="18"/>
    </row>
    <row r="2090" spans="1:3" x14ac:dyDescent="0.25">
      <c r="A2090" s="17" t="s">
        <v>1892</v>
      </c>
      <c r="B2090" s="15">
        <v>42614</v>
      </c>
      <c r="C2090" s="18"/>
    </row>
    <row r="2091" spans="1:3" x14ac:dyDescent="0.25">
      <c r="A2091" s="17" t="s">
        <v>1822</v>
      </c>
      <c r="B2091" s="15">
        <v>42502</v>
      </c>
      <c r="C2091" s="18"/>
    </row>
    <row r="2092" spans="1:3" x14ac:dyDescent="0.25">
      <c r="A2092" s="17" t="s">
        <v>120</v>
      </c>
      <c r="B2092" s="15">
        <v>39694</v>
      </c>
      <c r="C2092" s="18"/>
    </row>
    <row r="2093" spans="1:3" x14ac:dyDescent="0.25">
      <c r="A2093" s="17" t="s">
        <v>1667</v>
      </c>
      <c r="B2093" s="15">
        <v>42268</v>
      </c>
      <c r="C2093" s="18"/>
    </row>
    <row r="2094" spans="1:3" x14ac:dyDescent="0.25">
      <c r="A2094" s="17" t="s">
        <v>1152</v>
      </c>
      <c r="B2094" s="15">
        <v>41249</v>
      </c>
      <c r="C2094" s="18"/>
    </row>
    <row r="2095" spans="1:3" x14ac:dyDescent="0.25">
      <c r="A2095" s="23" t="s">
        <v>2202</v>
      </c>
      <c r="B2095" s="15">
        <v>43014</v>
      </c>
      <c r="C2095" s="14"/>
    </row>
    <row r="2096" spans="1:3" ht="45" x14ac:dyDescent="0.25">
      <c r="A2096" s="12" t="s">
        <v>2175</v>
      </c>
      <c r="B2096" s="26" t="s">
        <v>2176</v>
      </c>
      <c r="C2096" s="14"/>
    </row>
    <row r="2097" spans="1:3" x14ac:dyDescent="0.25">
      <c r="A2097" s="17" t="s">
        <v>1691</v>
      </c>
      <c r="B2097" s="15">
        <v>42291</v>
      </c>
      <c r="C2097" s="18"/>
    </row>
    <row r="2098" spans="1:3" x14ac:dyDescent="0.25">
      <c r="A2098" s="20" t="s">
        <v>3245</v>
      </c>
      <c r="B2098" s="21">
        <v>45754</v>
      </c>
      <c r="C2098" s="22"/>
    </row>
    <row r="2099" spans="1:3" ht="30" x14ac:dyDescent="0.25">
      <c r="A2099" s="17" t="s">
        <v>994</v>
      </c>
      <c r="B2099" s="15">
        <v>40949</v>
      </c>
      <c r="C2099" s="18"/>
    </row>
    <row r="2100" spans="1:3" ht="30" x14ac:dyDescent="0.25">
      <c r="A2100" s="17" t="s">
        <v>1340</v>
      </c>
      <c r="B2100" s="15" t="s">
        <v>1341</v>
      </c>
      <c r="C2100" s="18"/>
    </row>
    <row r="2101" spans="1:3" x14ac:dyDescent="0.25">
      <c r="A2101" s="12" t="s">
        <v>2389</v>
      </c>
      <c r="B2101" s="15">
        <v>43325</v>
      </c>
      <c r="C2101" s="14"/>
    </row>
    <row r="2102" spans="1:3" x14ac:dyDescent="0.25">
      <c r="A2102" s="12" t="s">
        <v>2032</v>
      </c>
      <c r="B2102" s="15">
        <v>42795</v>
      </c>
      <c r="C2102" s="14"/>
    </row>
    <row r="2103" spans="1:3" x14ac:dyDescent="0.25">
      <c r="A2103" s="12" t="s">
        <v>2721</v>
      </c>
      <c r="B2103" s="16">
        <v>44209</v>
      </c>
      <c r="C2103" s="14"/>
    </row>
    <row r="2104" spans="1:3" x14ac:dyDescent="0.25">
      <c r="A2104" s="12" t="s">
        <v>2230</v>
      </c>
      <c r="B2104" s="15">
        <v>43040</v>
      </c>
      <c r="C2104" s="14"/>
    </row>
    <row r="2105" spans="1:3" x14ac:dyDescent="0.25">
      <c r="A2105" s="17" t="s">
        <v>442</v>
      </c>
      <c r="B2105" s="15">
        <v>40051</v>
      </c>
      <c r="C2105" s="18"/>
    </row>
    <row r="2106" spans="1:3" x14ac:dyDescent="0.25">
      <c r="A2106" s="12" t="s">
        <v>2670</v>
      </c>
      <c r="B2106" s="16">
        <v>44030</v>
      </c>
      <c r="C2106" s="14"/>
    </row>
    <row r="2107" spans="1:3" x14ac:dyDescent="0.25">
      <c r="A2107" s="17" t="s">
        <v>1896</v>
      </c>
      <c r="B2107" s="15">
        <v>42622</v>
      </c>
      <c r="C2107" s="18"/>
    </row>
    <row r="2108" spans="1:3" ht="30" x14ac:dyDescent="0.25">
      <c r="A2108" s="17" t="s">
        <v>1386</v>
      </c>
      <c r="B2108" s="15" t="s">
        <v>1387</v>
      </c>
      <c r="C2108" s="18"/>
    </row>
    <row r="2109" spans="1:3" x14ac:dyDescent="0.25">
      <c r="A2109" s="12" t="s">
        <v>2597</v>
      </c>
      <c r="B2109" s="15">
        <v>43734</v>
      </c>
      <c r="C2109" s="14"/>
    </row>
    <row r="2110" spans="1:3" x14ac:dyDescent="0.25">
      <c r="A2110" s="17" t="s">
        <v>440</v>
      </c>
      <c r="B2110" s="15">
        <v>40045</v>
      </c>
      <c r="C2110" s="18"/>
    </row>
    <row r="2111" spans="1:3" x14ac:dyDescent="0.25">
      <c r="A2111" s="17" t="s">
        <v>1123</v>
      </c>
      <c r="B2111" s="15">
        <v>41192</v>
      </c>
      <c r="C2111" s="18"/>
    </row>
    <row r="2112" spans="1:3" x14ac:dyDescent="0.25">
      <c r="A2112" s="12" t="s">
        <v>1997</v>
      </c>
      <c r="B2112" s="15">
        <v>42760</v>
      </c>
      <c r="C2112" s="14"/>
    </row>
    <row r="2113" spans="1:3" ht="45" x14ac:dyDescent="0.25">
      <c r="A2113" s="29" t="s">
        <v>2338</v>
      </c>
      <c r="B2113" s="15" t="s">
        <v>2339</v>
      </c>
      <c r="C2113" s="14"/>
    </row>
    <row r="2114" spans="1:3" ht="30" x14ac:dyDescent="0.25">
      <c r="A2114" s="17" t="s">
        <v>17</v>
      </c>
      <c r="B2114" s="15" t="s">
        <v>18</v>
      </c>
      <c r="C2114" s="18"/>
    </row>
    <row r="2115" spans="1:3" x14ac:dyDescent="0.25">
      <c r="A2115" s="17" t="s">
        <v>295</v>
      </c>
      <c r="B2115" s="15">
        <v>39910</v>
      </c>
      <c r="C2115" s="18"/>
    </row>
    <row r="2116" spans="1:3" x14ac:dyDescent="0.25">
      <c r="A2116" s="12" t="s">
        <v>2710</v>
      </c>
      <c r="B2116" s="16">
        <v>44168</v>
      </c>
      <c r="C2116" s="14"/>
    </row>
    <row r="2117" spans="1:3" x14ac:dyDescent="0.25">
      <c r="A2117" s="17" t="s">
        <v>1112</v>
      </c>
      <c r="B2117" s="15">
        <v>41178</v>
      </c>
      <c r="C2117" s="18"/>
    </row>
    <row r="2118" spans="1:3" x14ac:dyDescent="0.25">
      <c r="A2118" s="17" t="s">
        <v>854</v>
      </c>
      <c r="B2118" s="15">
        <v>40693</v>
      </c>
      <c r="C2118" s="18"/>
    </row>
    <row r="2119" spans="1:3" ht="45" x14ac:dyDescent="0.25">
      <c r="A2119" s="17" t="s">
        <v>1454</v>
      </c>
      <c r="B2119" s="15" t="s">
        <v>1455</v>
      </c>
      <c r="C2119" s="18"/>
    </row>
    <row r="2120" spans="1:3" ht="30" x14ac:dyDescent="0.25">
      <c r="A2120" s="12" t="s">
        <v>2738</v>
      </c>
      <c r="B2120" s="16">
        <v>44260</v>
      </c>
      <c r="C2120" s="14"/>
    </row>
    <row r="2121" spans="1:3" x14ac:dyDescent="0.25">
      <c r="A2121" s="12" t="s">
        <v>2834</v>
      </c>
      <c r="B2121" s="24" t="s">
        <v>2833</v>
      </c>
      <c r="C2121" s="14"/>
    </row>
    <row r="2122" spans="1:3" ht="45" x14ac:dyDescent="0.25">
      <c r="A2122" s="12" t="s">
        <v>3135</v>
      </c>
      <c r="B2122" s="25" t="s">
        <v>3136</v>
      </c>
      <c r="C2122" s="14"/>
    </row>
    <row r="2123" spans="1:3" x14ac:dyDescent="0.25">
      <c r="A2123" s="17" t="s">
        <v>961</v>
      </c>
      <c r="B2123" s="15">
        <v>40917</v>
      </c>
      <c r="C2123" s="18"/>
    </row>
    <row r="2124" spans="1:3" x14ac:dyDescent="0.25">
      <c r="A2124" s="17" t="s">
        <v>1801</v>
      </c>
      <c r="B2124" s="15">
        <v>42480</v>
      </c>
      <c r="C2124" s="18"/>
    </row>
    <row r="2125" spans="1:3" x14ac:dyDescent="0.25">
      <c r="A2125" s="12" t="s">
        <v>3005</v>
      </c>
      <c r="B2125" s="16">
        <v>44867</v>
      </c>
      <c r="C2125" s="14"/>
    </row>
    <row r="2126" spans="1:3" x14ac:dyDescent="0.25">
      <c r="A2126" s="12" t="s">
        <v>3006</v>
      </c>
      <c r="B2126" s="16">
        <v>44867</v>
      </c>
      <c r="C2126" s="14"/>
    </row>
    <row r="2127" spans="1:3" x14ac:dyDescent="0.25">
      <c r="A2127" s="12" t="s">
        <v>3007</v>
      </c>
      <c r="B2127" s="16">
        <v>44867</v>
      </c>
      <c r="C2127" s="14"/>
    </row>
    <row r="2128" spans="1:3" x14ac:dyDescent="0.25">
      <c r="A2128" s="20" t="s">
        <v>3253</v>
      </c>
      <c r="B2128" s="21">
        <v>45785</v>
      </c>
      <c r="C2128" s="22"/>
    </row>
    <row r="2129" spans="1:3" x14ac:dyDescent="0.25">
      <c r="A2129" s="12" t="s">
        <v>2994</v>
      </c>
      <c r="B2129" s="24" t="s">
        <v>2995</v>
      </c>
      <c r="C2129" s="14"/>
    </row>
    <row r="2130" spans="1:3" ht="45" x14ac:dyDescent="0.25">
      <c r="A2130" s="17" t="s">
        <v>1440</v>
      </c>
      <c r="B2130" s="15" t="s">
        <v>1441</v>
      </c>
      <c r="C2130" s="18"/>
    </row>
    <row r="2131" spans="1:3" x14ac:dyDescent="0.25">
      <c r="A2131" s="12" t="s">
        <v>2578</v>
      </c>
      <c r="B2131" s="15">
        <v>43703</v>
      </c>
      <c r="C2131" s="14"/>
    </row>
    <row r="2132" spans="1:3" ht="45" x14ac:dyDescent="0.25">
      <c r="A2132" s="12" t="s">
        <v>2237</v>
      </c>
      <c r="B2132" s="15" t="s">
        <v>2238</v>
      </c>
      <c r="C2132" s="14"/>
    </row>
    <row r="2133" spans="1:3" ht="30" x14ac:dyDescent="0.25">
      <c r="A2133" s="17" t="s">
        <v>1565</v>
      </c>
      <c r="B2133" s="15" t="s">
        <v>1566</v>
      </c>
      <c r="C2133" s="18"/>
    </row>
    <row r="2134" spans="1:3" x14ac:dyDescent="0.25">
      <c r="A2134" s="12" t="s">
        <v>2712</v>
      </c>
      <c r="B2134" s="16">
        <v>44174</v>
      </c>
      <c r="C2134" s="14"/>
    </row>
    <row r="2135" spans="1:3" x14ac:dyDescent="0.25">
      <c r="A2135" s="12" t="s">
        <v>2689</v>
      </c>
      <c r="B2135" s="16">
        <v>44089</v>
      </c>
      <c r="C2135" s="14"/>
    </row>
    <row r="2136" spans="1:3" x14ac:dyDescent="0.25">
      <c r="A2136" s="17" t="s">
        <v>909</v>
      </c>
      <c r="B2136" s="15">
        <v>40815</v>
      </c>
      <c r="C2136" s="18"/>
    </row>
    <row r="2137" spans="1:3" x14ac:dyDescent="0.25">
      <c r="A2137" s="12" t="s">
        <v>2312</v>
      </c>
      <c r="B2137" s="15">
        <v>43173</v>
      </c>
      <c r="C2137" s="14"/>
    </row>
    <row r="2138" spans="1:3" x14ac:dyDescent="0.25">
      <c r="A2138" s="17" t="s">
        <v>714</v>
      </c>
      <c r="B2138" s="15">
        <v>40444</v>
      </c>
      <c r="C2138" s="18"/>
    </row>
    <row r="2139" spans="1:3" x14ac:dyDescent="0.25">
      <c r="A2139" s="17" t="s">
        <v>1068</v>
      </c>
      <c r="B2139" s="15">
        <v>41096</v>
      </c>
      <c r="C2139" s="18"/>
    </row>
    <row r="2140" spans="1:3" ht="45" x14ac:dyDescent="0.25">
      <c r="A2140" s="12" t="s">
        <v>1943</v>
      </c>
      <c r="B2140" s="15" t="s">
        <v>1944</v>
      </c>
      <c r="C2140" s="14"/>
    </row>
    <row r="2141" spans="1:3" x14ac:dyDescent="0.25">
      <c r="A2141" s="17" t="s">
        <v>697</v>
      </c>
      <c r="B2141" s="15">
        <v>40416</v>
      </c>
      <c r="C2141" s="18"/>
    </row>
    <row r="2142" spans="1:3" x14ac:dyDescent="0.25">
      <c r="A2142" s="12" t="s">
        <v>2764</v>
      </c>
      <c r="B2142" s="16">
        <v>44327</v>
      </c>
      <c r="C2142" s="14"/>
    </row>
    <row r="2143" spans="1:3" ht="30" x14ac:dyDescent="0.25">
      <c r="A2143" s="12" t="s">
        <v>3144</v>
      </c>
      <c r="B2143" s="13" t="s">
        <v>3145</v>
      </c>
      <c r="C2143" s="14"/>
    </row>
    <row r="2144" spans="1:3" x14ac:dyDescent="0.25">
      <c r="A2144" s="17" t="s">
        <v>1743</v>
      </c>
      <c r="B2144" s="15">
        <v>42383</v>
      </c>
      <c r="C2144" s="18"/>
    </row>
    <row r="2145" spans="1:3" x14ac:dyDescent="0.25">
      <c r="A2145" s="17" t="s">
        <v>1625</v>
      </c>
      <c r="B2145" s="15">
        <v>42185</v>
      </c>
      <c r="C2145" s="18"/>
    </row>
    <row r="2146" spans="1:3" x14ac:dyDescent="0.25">
      <c r="A2146" s="17" t="s">
        <v>894</v>
      </c>
      <c r="B2146" s="15">
        <v>40786</v>
      </c>
      <c r="C2146" s="18"/>
    </row>
    <row r="2147" spans="1:3" ht="30" x14ac:dyDescent="0.25">
      <c r="A2147" s="17" t="s">
        <v>1520</v>
      </c>
      <c r="B2147" s="15" t="s">
        <v>1521</v>
      </c>
      <c r="C2147" s="18"/>
    </row>
    <row r="2148" spans="1:3" x14ac:dyDescent="0.25">
      <c r="A2148" s="17" t="s">
        <v>1339</v>
      </c>
      <c r="B2148" s="15">
        <v>41688</v>
      </c>
      <c r="C2148" s="18"/>
    </row>
    <row r="2149" spans="1:3" x14ac:dyDescent="0.25">
      <c r="A2149" s="17" t="s">
        <v>185</v>
      </c>
      <c r="B2149" s="15">
        <v>39818</v>
      </c>
      <c r="C2149" s="18"/>
    </row>
    <row r="2150" spans="1:3" x14ac:dyDescent="0.25">
      <c r="A2150" s="12" t="s">
        <v>2841</v>
      </c>
      <c r="B2150" s="24" t="s">
        <v>2840</v>
      </c>
      <c r="C2150" s="41"/>
    </row>
    <row r="2151" spans="1:3" x14ac:dyDescent="0.25">
      <c r="A2151" s="12" t="s">
        <v>2517</v>
      </c>
      <c r="B2151" s="15">
        <v>43588</v>
      </c>
      <c r="C2151" s="41"/>
    </row>
    <row r="2152" spans="1:3" x14ac:dyDescent="0.25">
      <c r="A2152" s="12" t="s">
        <v>2033</v>
      </c>
      <c r="B2152" s="15">
        <v>42797</v>
      </c>
      <c r="C2152" s="14"/>
    </row>
    <row r="2153" spans="1:3" ht="30" x14ac:dyDescent="0.25">
      <c r="A2153" s="12" t="s">
        <v>2092</v>
      </c>
      <c r="B2153" s="15" t="s">
        <v>2093</v>
      </c>
      <c r="C2153" s="14"/>
    </row>
    <row r="2154" spans="1:3" x14ac:dyDescent="0.25">
      <c r="A2154" s="17" t="s">
        <v>610</v>
      </c>
      <c r="B2154" s="15">
        <v>40298</v>
      </c>
      <c r="C2154" s="18"/>
    </row>
    <row r="2155" spans="1:3" x14ac:dyDescent="0.25">
      <c r="A2155" s="17" t="s">
        <v>1221</v>
      </c>
      <c r="B2155" s="15">
        <v>41452</v>
      </c>
      <c r="C2155" s="18"/>
    </row>
    <row r="2156" spans="1:3" x14ac:dyDescent="0.25">
      <c r="A2156" s="12" t="s">
        <v>2103</v>
      </c>
      <c r="B2156" s="15">
        <v>42878</v>
      </c>
      <c r="C2156" s="14"/>
    </row>
    <row r="2157" spans="1:3" x14ac:dyDescent="0.25">
      <c r="A2157" s="17" t="s">
        <v>1931</v>
      </c>
      <c r="B2157" s="15">
        <v>42676</v>
      </c>
      <c r="C2157" s="18"/>
    </row>
    <row r="2158" spans="1:3" x14ac:dyDescent="0.25">
      <c r="A2158" s="17" t="s">
        <v>152</v>
      </c>
      <c r="B2158" s="15">
        <v>39759</v>
      </c>
      <c r="C2158" s="18"/>
    </row>
    <row r="2159" spans="1:3" x14ac:dyDescent="0.25">
      <c r="A2159" s="12" t="s">
        <v>2655</v>
      </c>
      <c r="B2159" s="15">
        <v>43987</v>
      </c>
      <c r="C2159" s="14"/>
    </row>
    <row r="2160" spans="1:3" x14ac:dyDescent="0.25">
      <c r="A2160" s="12" t="s">
        <v>2022</v>
      </c>
      <c r="B2160" s="15">
        <v>42788</v>
      </c>
      <c r="C2160" s="14"/>
    </row>
    <row r="2161" spans="1:3" x14ac:dyDescent="0.25">
      <c r="A2161" s="17" t="s">
        <v>267</v>
      </c>
      <c r="B2161" s="15">
        <v>39889</v>
      </c>
      <c r="C2161" s="18"/>
    </row>
    <row r="2162" spans="1:3" x14ac:dyDescent="0.25">
      <c r="A2162" s="12" t="s">
        <v>3139</v>
      </c>
      <c r="B2162" s="24" t="s">
        <v>3140</v>
      </c>
      <c r="C2162" s="14"/>
    </row>
    <row r="2163" spans="1:3" ht="45" x14ac:dyDescent="0.25">
      <c r="A2163" s="17" t="s">
        <v>1113</v>
      </c>
      <c r="B2163" s="15" t="s">
        <v>1114</v>
      </c>
      <c r="C2163" s="18"/>
    </row>
    <row r="2164" spans="1:3" x14ac:dyDescent="0.25">
      <c r="A2164" s="12" t="s">
        <v>2039</v>
      </c>
      <c r="B2164" s="15">
        <v>42801</v>
      </c>
      <c r="C2164" s="14"/>
    </row>
    <row r="2165" spans="1:3" x14ac:dyDescent="0.25">
      <c r="A2165" s="12" t="s">
        <v>2358</v>
      </c>
      <c r="B2165" s="15">
        <v>43273</v>
      </c>
      <c r="C2165" s="14"/>
    </row>
    <row r="2166" spans="1:3" x14ac:dyDescent="0.25">
      <c r="A2166" s="12" t="s">
        <v>2259</v>
      </c>
      <c r="B2166" s="15">
        <v>43075</v>
      </c>
      <c r="C2166" s="14"/>
    </row>
    <row r="2167" spans="1:3" ht="45" x14ac:dyDescent="0.25">
      <c r="A2167" s="12" t="s">
        <v>2200</v>
      </c>
      <c r="B2167" s="15" t="s">
        <v>2201</v>
      </c>
      <c r="C2167" s="14"/>
    </row>
    <row r="2168" spans="1:3" ht="60" x14ac:dyDescent="0.25">
      <c r="A2168" s="17" t="s">
        <v>10</v>
      </c>
      <c r="B2168" s="26" t="s">
        <v>11</v>
      </c>
      <c r="C2168" s="36">
        <v>45509</v>
      </c>
    </row>
    <row r="2169" spans="1:3" x14ac:dyDescent="0.25">
      <c r="A2169" s="17" t="s">
        <v>1583</v>
      </c>
      <c r="B2169" s="15">
        <v>42108</v>
      </c>
      <c r="C2169" s="18"/>
    </row>
    <row r="2170" spans="1:3" x14ac:dyDescent="0.25">
      <c r="A2170" s="17" t="s">
        <v>1133</v>
      </c>
      <c r="B2170" s="15">
        <v>41211</v>
      </c>
      <c r="C2170" s="18"/>
    </row>
    <row r="2171" spans="1:3" x14ac:dyDescent="0.25">
      <c r="A2171" s="17" t="s">
        <v>138</v>
      </c>
      <c r="B2171" s="15">
        <v>39737</v>
      </c>
      <c r="C2171" s="18"/>
    </row>
    <row r="2172" spans="1:3" x14ac:dyDescent="0.25">
      <c r="A2172" s="17" t="s">
        <v>142</v>
      </c>
      <c r="B2172" s="15">
        <v>39749</v>
      </c>
      <c r="C2172" s="18"/>
    </row>
    <row r="2173" spans="1:3" x14ac:dyDescent="0.25">
      <c r="A2173" s="17" t="s">
        <v>1388</v>
      </c>
      <c r="B2173" s="15">
        <v>41753</v>
      </c>
      <c r="C2173" s="18"/>
    </row>
    <row r="2174" spans="1:3" ht="30" x14ac:dyDescent="0.25">
      <c r="A2174" s="17" t="s">
        <v>1515</v>
      </c>
      <c r="B2174" s="15" t="s">
        <v>1516</v>
      </c>
      <c r="C2174" s="18"/>
    </row>
    <row r="2175" spans="1:3" ht="60" x14ac:dyDescent="0.25">
      <c r="A2175" s="17" t="s">
        <v>1249</v>
      </c>
      <c r="B2175" s="15" t="s">
        <v>1250</v>
      </c>
      <c r="C2175" s="27">
        <v>45602</v>
      </c>
    </row>
    <row r="2176" spans="1:3" ht="60" x14ac:dyDescent="0.25">
      <c r="A2176" s="20" t="s">
        <v>3215</v>
      </c>
      <c r="B2176" s="35" t="s">
        <v>3216</v>
      </c>
      <c r="C2176" s="27">
        <v>45602</v>
      </c>
    </row>
    <row r="2177" spans="1:3" ht="60" x14ac:dyDescent="0.25">
      <c r="A2177" s="12" t="s">
        <v>2767</v>
      </c>
      <c r="B2177" s="13" t="s">
        <v>2768</v>
      </c>
      <c r="C2177" s="27">
        <v>45602</v>
      </c>
    </row>
    <row r="2178" spans="1:3" x14ac:dyDescent="0.25">
      <c r="A2178" s="17" t="s">
        <v>1120</v>
      </c>
      <c r="B2178" s="15">
        <v>41186</v>
      </c>
      <c r="C2178" s="18"/>
    </row>
    <row r="2179" spans="1:3" ht="105" x14ac:dyDescent="0.25">
      <c r="A2179" s="17" t="s">
        <v>109</v>
      </c>
      <c r="B2179" s="15" t="s">
        <v>110</v>
      </c>
      <c r="C2179" s="27">
        <v>45177</v>
      </c>
    </row>
    <row r="2180" spans="1:3" x14ac:dyDescent="0.25">
      <c r="A2180" s="17" t="s">
        <v>345</v>
      </c>
      <c r="B2180" s="15">
        <v>39961</v>
      </c>
      <c r="C2180" s="18"/>
    </row>
    <row r="2181" spans="1:3" x14ac:dyDescent="0.25">
      <c r="A2181" s="12" t="s">
        <v>3084</v>
      </c>
      <c r="B2181" s="16">
        <v>45092</v>
      </c>
      <c r="C2181" s="14"/>
    </row>
    <row r="2182" spans="1:3" ht="30" x14ac:dyDescent="0.25">
      <c r="A2182" s="12" t="s">
        <v>2173</v>
      </c>
      <c r="B2182" s="15" t="s">
        <v>2174</v>
      </c>
      <c r="C2182" s="14"/>
    </row>
    <row r="2183" spans="1:3" x14ac:dyDescent="0.25">
      <c r="A2183" s="12" t="s">
        <v>2966</v>
      </c>
      <c r="B2183" s="24" t="s">
        <v>2967</v>
      </c>
      <c r="C2183" s="14"/>
    </row>
    <row r="2184" spans="1:3" x14ac:dyDescent="0.25">
      <c r="A2184" s="17" t="s">
        <v>1421</v>
      </c>
      <c r="B2184" s="15">
        <v>41811</v>
      </c>
      <c r="C2184" s="18"/>
    </row>
    <row r="2185" spans="1:3" ht="30" x14ac:dyDescent="0.25">
      <c r="A2185" s="17" t="s">
        <v>1469</v>
      </c>
      <c r="B2185" s="15">
        <v>41894</v>
      </c>
      <c r="C2185" s="18"/>
    </row>
    <row r="2186" spans="1:3" x14ac:dyDescent="0.25">
      <c r="A2186" s="17" t="s">
        <v>1449</v>
      </c>
      <c r="B2186" s="15">
        <v>41866</v>
      </c>
      <c r="C2186" s="18"/>
    </row>
    <row r="2187" spans="1:3" x14ac:dyDescent="0.25">
      <c r="A2187" s="12" t="s">
        <v>2826</v>
      </c>
      <c r="B2187" s="24" t="s">
        <v>2827</v>
      </c>
      <c r="C2187" s="14"/>
    </row>
    <row r="2188" spans="1:3" ht="45" x14ac:dyDescent="0.25">
      <c r="A2188" s="17" t="s">
        <v>1749</v>
      </c>
      <c r="B2188" s="15" t="s">
        <v>1750</v>
      </c>
      <c r="C2188" s="18"/>
    </row>
    <row r="2189" spans="1:3" x14ac:dyDescent="0.25">
      <c r="A2189" s="12" t="s">
        <v>2183</v>
      </c>
      <c r="B2189" s="15">
        <v>42992</v>
      </c>
      <c r="C2189" s="14"/>
    </row>
    <row r="2190" spans="1:3" x14ac:dyDescent="0.25">
      <c r="A2190" s="17" t="s">
        <v>1631</v>
      </c>
      <c r="B2190" s="15">
        <v>42195</v>
      </c>
      <c r="C2190" s="18"/>
    </row>
    <row r="2191" spans="1:3" x14ac:dyDescent="0.25">
      <c r="A2191" s="17" t="s">
        <v>781</v>
      </c>
      <c r="B2191" s="15">
        <v>40556</v>
      </c>
      <c r="C2191" s="18"/>
    </row>
    <row r="2192" spans="1:3" x14ac:dyDescent="0.25">
      <c r="A2192" s="12" t="s">
        <v>3062</v>
      </c>
      <c r="B2192" s="16">
        <v>45030</v>
      </c>
      <c r="C2192" s="14"/>
    </row>
    <row r="2193" spans="1:3" x14ac:dyDescent="0.25">
      <c r="A2193" s="12" t="s">
        <v>2155</v>
      </c>
      <c r="B2193" s="15">
        <v>42958</v>
      </c>
      <c r="C2193" s="14"/>
    </row>
    <row r="2194" spans="1:3" x14ac:dyDescent="0.25">
      <c r="A2194" s="17" t="s">
        <v>1184</v>
      </c>
      <c r="B2194" s="15">
        <v>41337</v>
      </c>
      <c r="C2194" s="18"/>
    </row>
    <row r="2195" spans="1:3" x14ac:dyDescent="0.25">
      <c r="A2195" s="17" t="s">
        <v>275</v>
      </c>
      <c r="B2195" s="15">
        <v>39897</v>
      </c>
      <c r="C2195" s="18"/>
    </row>
    <row r="2196" spans="1:3" x14ac:dyDescent="0.25">
      <c r="A2196" s="12" t="s">
        <v>2789</v>
      </c>
      <c r="B2196" s="16">
        <v>44397</v>
      </c>
      <c r="C2196" s="14"/>
    </row>
    <row r="2197" spans="1:3" ht="45" x14ac:dyDescent="0.25">
      <c r="A2197" s="12" t="s">
        <v>2473</v>
      </c>
      <c r="B2197" s="15" t="s">
        <v>2474</v>
      </c>
      <c r="C2197" s="14"/>
    </row>
    <row r="2198" spans="1:3" ht="45" x14ac:dyDescent="0.25">
      <c r="A2198" s="17" t="s">
        <v>849</v>
      </c>
      <c r="B2198" s="15" t="s">
        <v>850</v>
      </c>
      <c r="C2198" s="18"/>
    </row>
    <row r="2199" spans="1:3" ht="60" x14ac:dyDescent="0.25">
      <c r="A2199" s="12" t="s">
        <v>2614</v>
      </c>
      <c r="B2199" s="15" t="s">
        <v>2615</v>
      </c>
      <c r="C2199" s="14"/>
    </row>
    <row r="2200" spans="1:3" x14ac:dyDescent="0.25">
      <c r="A2200" s="12" t="s">
        <v>2267</v>
      </c>
      <c r="B2200" s="15">
        <v>43088</v>
      </c>
      <c r="C2200" s="14"/>
    </row>
    <row r="2201" spans="1:3" x14ac:dyDescent="0.25">
      <c r="A2201" s="20" t="s">
        <v>3256</v>
      </c>
      <c r="B2201" s="21">
        <v>45786</v>
      </c>
      <c r="C2201" s="22"/>
    </row>
    <row r="2202" spans="1:3" x14ac:dyDescent="0.25">
      <c r="A2202" s="12" t="s">
        <v>2324</v>
      </c>
      <c r="B2202" s="15">
        <v>43206</v>
      </c>
      <c r="C2202" s="14"/>
    </row>
    <row r="2203" spans="1:3" x14ac:dyDescent="0.25">
      <c r="A2203" s="17" t="s">
        <v>1348</v>
      </c>
      <c r="B2203" s="15">
        <v>41701</v>
      </c>
      <c r="C2203" s="18"/>
    </row>
    <row r="2204" spans="1:3" ht="30" x14ac:dyDescent="0.25">
      <c r="A2204" s="17" t="s">
        <v>1337</v>
      </c>
      <c r="B2204" s="15" t="s">
        <v>1338</v>
      </c>
      <c r="C2204" s="18"/>
    </row>
    <row r="2205" spans="1:3" ht="45" x14ac:dyDescent="0.25">
      <c r="A2205" s="12" t="s">
        <v>2575</v>
      </c>
      <c r="B2205" s="15" t="s">
        <v>2576</v>
      </c>
      <c r="C2205" s="14"/>
    </row>
    <row r="2206" spans="1:3" ht="30" x14ac:dyDescent="0.25">
      <c r="A2206" s="17" t="s">
        <v>1004</v>
      </c>
      <c r="B2206" s="15" t="s">
        <v>1005</v>
      </c>
      <c r="C2206" s="18"/>
    </row>
    <row r="2207" spans="1:3" x14ac:dyDescent="0.25">
      <c r="A2207" s="17" t="s">
        <v>1285</v>
      </c>
      <c r="B2207" s="15">
        <v>41573</v>
      </c>
      <c r="C2207" s="18"/>
    </row>
    <row r="2208" spans="1:3" ht="30" x14ac:dyDescent="0.25">
      <c r="A2208" s="17" t="s">
        <v>553</v>
      </c>
      <c r="B2208" s="15">
        <v>40219</v>
      </c>
      <c r="C2208" s="18"/>
    </row>
    <row r="2209" spans="1:3" x14ac:dyDescent="0.25">
      <c r="A2209" s="17" t="s">
        <v>549</v>
      </c>
      <c r="B2209" s="15">
        <v>40213</v>
      </c>
      <c r="C2209" s="18"/>
    </row>
    <row r="2210" spans="1:3" ht="60" x14ac:dyDescent="0.25">
      <c r="A2210" s="17" t="s">
        <v>45</v>
      </c>
      <c r="B2210" s="15" t="s">
        <v>46</v>
      </c>
      <c r="C2210" s="18"/>
    </row>
    <row r="2211" spans="1:3" x14ac:dyDescent="0.25">
      <c r="A2211" s="17" t="s">
        <v>495</v>
      </c>
      <c r="B2211" s="15">
        <v>40123</v>
      </c>
      <c r="C2211" s="18"/>
    </row>
    <row r="2212" spans="1:3" x14ac:dyDescent="0.25">
      <c r="A2212" s="17" t="s">
        <v>1755</v>
      </c>
      <c r="B2212" s="15">
        <v>42405</v>
      </c>
      <c r="C2212" s="18"/>
    </row>
    <row r="2213" spans="1:3" x14ac:dyDescent="0.25">
      <c r="A2213" s="12" t="s">
        <v>2633</v>
      </c>
      <c r="B2213" s="15">
        <v>43873</v>
      </c>
      <c r="C2213" s="14"/>
    </row>
    <row r="2214" spans="1:3" x14ac:dyDescent="0.25">
      <c r="A2214" s="17" t="s">
        <v>1643</v>
      </c>
      <c r="B2214" s="15">
        <v>42208</v>
      </c>
      <c r="C2214" s="18"/>
    </row>
    <row r="2215" spans="1:3" x14ac:dyDescent="0.25">
      <c r="A2215" s="12" t="s">
        <v>2319</v>
      </c>
      <c r="B2215" s="15">
        <v>43194</v>
      </c>
      <c r="C2215" s="14"/>
    </row>
    <row r="2216" spans="1:3" x14ac:dyDescent="0.25">
      <c r="A2216" s="17" t="s">
        <v>206</v>
      </c>
      <c r="B2216" s="15">
        <v>39843</v>
      </c>
      <c r="C2216" s="18"/>
    </row>
    <row r="2217" spans="1:3" ht="30" x14ac:dyDescent="0.25">
      <c r="A2217" s="12" t="s">
        <v>2611</v>
      </c>
      <c r="B2217" s="15">
        <v>43776</v>
      </c>
      <c r="C2217" s="14"/>
    </row>
    <row r="2218" spans="1:3" x14ac:dyDescent="0.25">
      <c r="A2218" s="17" t="s">
        <v>870</v>
      </c>
      <c r="B2218" s="15">
        <v>40722</v>
      </c>
      <c r="C2218" s="18"/>
    </row>
    <row r="2219" spans="1:3" x14ac:dyDescent="0.25">
      <c r="A2219" s="17" t="s">
        <v>252</v>
      </c>
      <c r="B2219" s="15">
        <v>39884</v>
      </c>
      <c r="C2219" s="18"/>
    </row>
    <row r="2220" spans="1:3" x14ac:dyDescent="0.25">
      <c r="A2220" s="12" t="s">
        <v>2798</v>
      </c>
      <c r="B2220" s="16">
        <v>44414</v>
      </c>
      <c r="C2220" s="14"/>
    </row>
    <row r="2221" spans="1:3" x14ac:dyDescent="0.25">
      <c r="A2221" s="17" t="s">
        <v>1885</v>
      </c>
      <c r="B2221" s="15">
        <v>42604</v>
      </c>
      <c r="C2221" s="18"/>
    </row>
    <row r="2222" spans="1:3" x14ac:dyDescent="0.25">
      <c r="A2222" s="12" t="s">
        <v>2755</v>
      </c>
      <c r="B2222" s="16">
        <v>44302</v>
      </c>
      <c r="C2222" s="14"/>
    </row>
    <row r="2223" spans="1:3" ht="75" x14ac:dyDescent="0.25">
      <c r="A2223" s="12" t="s">
        <v>2390</v>
      </c>
      <c r="B2223" s="15" t="s">
        <v>2391</v>
      </c>
      <c r="C2223" s="14"/>
    </row>
    <row r="2224" spans="1:3" ht="75" x14ac:dyDescent="0.25">
      <c r="A2224" s="17" t="s">
        <v>2599</v>
      </c>
      <c r="B2224" s="15" t="s">
        <v>2600</v>
      </c>
      <c r="C2224" s="14"/>
    </row>
    <row r="2225" spans="1:3" x14ac:dyDescent="0.25">
      <c r="A2225" s="12" t="s">
        <v>2295</v>
      </c>
      <c r="B2225" s="15">
        <v>43146</v>
      </c>
      <c r="C2225" s="14"/>
    </row>
    <row r="2226" spans="1:3" x14ac:dyDescent="0.25">
      <c r="A2226" s="12" t="s">
        <v>2116</v>
      </c>
      <c r="B2226" s="15">
        <v>42893</v>
      </c>
      <c r="C2226" s="14"/>
    </row>
    <row r="2227" spans="1:3" x14ac:dyDescent="0.25">
      <c r="A2227" s="12" t="s">
        <v>2557</v>
      </c>
      <c r="B2227" s="15">
        <v>43643</v>
      </c>
      <c r="C2227" s="14"/>
    </row>
    <row r="2228" spans="1:3" x14ac:dyDescent="0.25">
      <c r="A2228" s="12" t="s">
        <v>3123</v>
      </c>
      <c r="B2228" s="16">
        <v>45212</v>
      </c>
      <c r="C2228" s="14"/>
    </row>
    <row r="2229" spans="1:3" x14ac:dyDescent="0.25">
      <c r="A2229" s="12" t="s">
        <v>3079</v>
      </c>
      <c r="B2229" s="16">
        <v>45077</v>
      </c>
      <c r="C2229" s="14"/>
    </row>
    <row r="2230" spans="1:3" x14ac:dyDescent="0.25">
      <c r="A2230" s="17" t="s">
        <v>1097</v>
      </c>
      <c r="B2230" s="15">
        <v>41148</v>
      </c>
      <c r="C2230" s="18"/>
    </row>
    <row r="2231" spans="1:3" x14ac:dyDescent="0.25">
      <c r="A2231" s="17" t="s">
        <v>512</v>
      </c>
      <c r="B2231" s="15">
        <v>40144</v>
      </c>
      <c r="C2231" s="18"/>
    </row>
    <row r="2232" spans="1:3" x14ac:dyDescent="0.25">
      <c r="A2232" s="17" t="s">
        <v>1024</v>
      </c>
      <c r="B2232" s="15">
        <v>41024</v>
      </c>
      <c r="C2232" s="18"/>
    </row>
    <row r="2233" spans="1:3" x14ac:dyDescent="0.25">
      <c r="A2233" s="17" t="s">
        <v>114</v>
      </c>
      <c r="B2233" s="15">
        <v>39680</v>
      </c>
      <c r="C2233" s="18"/>
    </row>
    <row r="2234" spans="1:3" ht="45" x14ac:dyDescent="0.25">
      <c r="A2234" s="12" t="s">
        <v>2959</v>
      </c>
      <c r="B2234" s="25" t="s">
        <v>2960</v>
      </c>
      <c r="C2234" s="14"/>
    </row>
    <row r="2235" spans="1:3" ht="45" x14ac:dyDescent="0.25">
      <c r="A2235" s="17" t="s">
        <v>871</v>
      </c>
      <c r="B2235" s="15" t="s">
        <v>872</v>
      </c>
      <c r="C2235" s="18"/>
    </row>
    <row r="2236" spans="1:3" x14ac:dyDescent="0.25">
      <c r="A2236" s="17" t="s">
        <v>1163</v>
      </c>
      <c r="B2236" s="15">
        <v>41278</v>
      </c>
      <c r="C2236" s="18"/>
    </row>
    <row r="2237" spans="1:3" ht="45" x14ac:dyDescent="0.25">
      <c r="A2237" s="17" t="s">
        <v>1207</v>
      </c>
      <c r="B2237" s="15" t="s">
        <v>1208</v>
      </c>
      <c r="C2237" s="18"/>
    </row>
    <row r="2238" spans="1:3" x14ac:dyDescent="0.25">
      <c r="A2238" s="17" t="s">
        <v>1364</v>
      </c>
      <c r="B2238" s="15">
        <v>41724</v>
      </c>
      <c r="C2238" s="18"/>
    </row>
    <row r="2239" spans="1:3" x14ac:dyDescent="0.25">
      <c r="A2239" s="12" t="s">
        <v>2766</v>
      </c>
      <c r="B2239" s="16">
        <v>44330</v>
      </c>
      <c r="C2239" s="14"/>
    </row>
    <row r="2240" spans="1:3" x14ac:dyDescent="0.25">
      <c r="A2240" s="17" t="s">
        <v>742</v>
      </c>
      <c r="B2240" s="15">
        <v>40471</v>
      </c>
      <c r="C2240" s="18"/>
    </row>
    <row r="2241" spans="1:3" x14ac:dyDescent="0.25">
      <c r="A2241" s="17" t="s">
        <v>708</v>
      </c>
      <c r="B2241" s="15">
        <v>40442</v>
      </c>
      <c r="C2241" s="18"/>
    </row>
    <row r="2242" spans="1:3" x14ac:dyDescent="0.25">
      <c r="A2242" s="12" t="s">
        <v>2732</v>
      </c>
      <c r="B2242" s="16">
        <v>44250</v>
      </c>
      <c r="C2242" s="14"/>
    </row>
    <row r="2243" spans="1:3" ht="45" x14ac:dyDescent="0.25">
      <c r="A2243" s="17" t="s">
        <v>643</v>
      </c>
      <c r="B2243" s="15" t="s">
        <v>644</v>
      </c>
      <c r="C2243" s="18"/>
    </row>
    <row r="2244" spans="1:3" x14ac:dyDescent="0.25">
      <c r="A2244" s="17" t="s">
        <v>171</v>
      </c>
      <c r="B2244" s="15">
        <v>39784</v>
      </c>
      <c r="C2244" s="18"/>
    </row>
    <row r="2245" spans="1:3" x14ac:dyDescent="0.25">
      <c r="A2245" s="17" t="s">
        <v>1054</v>
      </c>
      <c r="B2245" s="15">
        <v>41086</v>
      </c>
      <c r="C2245" s="18"/>
    </row>
    <row r="2246" spans="1:3" x14ac:dyDescent="0.25">
      <c r="A2246" s="12" t="s">
        <v>2086</v>
      </c>
      <c r="B2246" s="15">
        <v>42852</v>
      </c>
      <c r="C2246" s="14"/>
    </row>
    <row r="2247" spans="1:3" ht="45" x14ac:dyDescent="0.25">
      <c r="A2247" s="12" t="s">
        <v>2593</v>
      </c>
      <c r="B2247" s="15">
        <v>43728</v>
      </c>
      <c r="C2247" s="14"/>
    </row>
    <row r="2248" spans="1:3" ht="45" x14ac:dyDescent="0.25">
      <c r="A2248" s="12" t="s">
        <v>2217</v>
      </c>
      <c r="B2248" s="15" t="s">
        <v>2218</v>
      </c>
      <c r="C2248" s="14"/>
    </row>
    <row r="2249" spans="1:3" x14ac:dyDescent="0.25">
      <c r="A2249" s="17" t="s">
        <v>1837</v>
      </c>
      <c r="B2249" s="15">
        <v>42522</v>
      </c>
      <c r="C2249" s="18"/>
    </row>
    <row r="2250" spans="1:3" x14ac:dyDescent="0.25">
      <c r="A2250" s="12" t="s">
        <v>2881</v>
      </c>
      <c r="B2250" s="24" t="s">
        <v>2882</v>
      </c>
      <c r="C2250" s="14"/>
    </row>
    <row r="2251" spans="1:3" x14ac:dyDescent="0.25">
      <c r="A2251" s="12" t="s">
        <v>2329</v>
      </c>
      <c r="B2251" s="15">
        <v>43215</v>
      </c>
      <c r="C2251" s="14"/>
    </row>
    <row r="2252" spans="1:3" x14ac:dyDescent="0.25">
      <c r="A2252" s="12" t="s">
        <v>2330</v>
      </c>
      <c r="B2252" s="15">
        <v>43215</v>
      </c>
      <c r="C2252" s="14"/>
    </row>
    <row r="2253" spans="1:3" ht="45" x14ac:dyDescent="0.25">
      <c r="A2253" s="12" t="s">
        <v>1977</v>
      </c>
      <c r="B2253" s="15" t="s">
        <v>1978</v>
      </c>
      <c r="C2253" s="14"/>
    </row>
    <row r="2254" spans="1:3" x14ac:dyDescent="0.25">
      <c r="A2254" s="17" t="s">
        <v>101</v>
      </c>
      <c r="B2254" s="15">
        <v>39631</v>
      </c>
      <c r="C2254" s="18"/>
    </row>
    <row r="2255" spans="1:3" x14ac:dyDescent="0.25">
      <c r="A2255" s="12" t="s">
        <v>2591</v>
      </c>
      <c r="B2255" s="15">
        <v>43726</v>
      </c>
      <c r="C2255" s="14"/>
    </row>
    <row r="2256" spans="1:3" ht="30" x14ac:dyDescent="0.25">
      <c r="A2256" s="17" t="s">
        <v>32</v>
      </c>
      <c r="B2256" s="15">
        <v>39065</v>
      </c>
      <c r="C2256" s="18"/>
    </row>
    <row r="2257" spans="1:3" x14ac:dyDescent="0.25">
      <c r="A2257" s="17" t="s">
        <v>639</v>
      </c>
      <c r="B2257" s="15">
        <v>40326</v>
      </c>
      <c r="C2257" s="18"/>
    </row>
    <row r="2258" spans="1:3" ht="30" x14ac:dyDescent="0.25">
      <c r="A2258" s="17" t="s">
        <v>246</v>
      </c>
      <c r="B2258" s="15">
        <v>39881</v>
      </c>
      <c r="C2258" s="18"/>
    </row>
    <row r="2259" spans="1:3" x14ac:dyDescent="0.25">
      <c r="A2259" s="17" t="s">
        <v>764</v>
      </c>
      <c r="B2259" s="15">
        <v>40527</v>
      </c>
      <c r="C2259" s="18"/>
    </row>
    <row r="2260" spans="1:3" x14ac:dyDescent="0.25">
      <c r="A2260" s="17" t="s">
        <v>1934</v>
      </c>
      <c r="B2260" s="15">
        <v>42677</v>
      </c>
      <c r="C2260" s="18"/>
    </row>
    <row r="2261" spans="1:3" ht="45" x14ac:dyDescent="0.25">
      <c r="A2261" s="12" t="s">
        <v>2119</v>
      </c>
      <c r="B2261" s="15" t="s">
        <v>2120</v>
      </c>
      <c r="C2261" s="14"/>
    </row>
    <row r="2262" spans="1:3" ht="45" x14ac:dyDescent="0.25">
      <c r="A2262" s="17" t="s">
        <v>37</v>
      </c>
      <c r="B2262" s="15" t="s">
        <v>38</v>
      </c>
      <c r="C2262" s="18"/>
    </row>
    <row r="2263" spans="1:3" x14ac:dyDescent="0.25">
      <c r="A2263" s="17" t="s">
        <v>1016</v>
      </c>
      <c r="B2263" s="15">
        <v>40998</v>
      </c>
      <c r="C2263" s="18"/>
    </row>
    <row r="2264" spans="1:3" ht="30" x14ac:dyDescent="0.25">
      <c r="A2264" s="17" t="s">
        <v>1936</v>
      </c>
      <c r="B2264" s="15" t="s">
        <v>1937</v>
      </c>
      <c r="C2264" s="18"/>
    </row>
    <row r="2265" spans="1:3" x14ac:dyDescent="0.25">
      <c r="A2265" s="17" t="s">
        <v>958</v>
      </c>
      <c r="B2265" s="15">
        <v>40912</v>
      </c>
      <c r="C2265" s="18"/>
    </row>
    <row r="2266" spans="1:3" x14ac:dyDescent="0.25">
      <c r="A2266" s="17" t="s">
        <v>1044</v>
      </c>
      <c r="B2266" s="15">
        <v>41071</v>
      </c>
      <c r="C2266" s="18"/>
    </row>
    <row r="2267" spans="1:3" ht="60" x14ac:dyDescent="0.25">
      <c r="A2267" s="17" t="s">
        <v>1678</v>
      </c>
      <c r="B2267" s="15" t="s">
        <v>1679</v>
      </c>
      <c r="C2267" s="27">
        <v>42277</v>
      </c>
    </row>
    <row r="2268" spans="1:3" x14ac:dyDescent="0.25">
      <c r="A2268" s="17" t="s">
        <v>1783</v>
      </c>
      <c r="B2268" s="15">
        <v>42459</v>
      </c>
      <c r="C2268" s="18"/>
    </row>
    <row r="2269" spans="1:3" x14ac:dyDescent="0.25">
      <c r="A2269" s="17" t="s">
        <v>1640</v>
      </c>
      <c r="B2269" s="15">
        <v>42205</v>
      </c>
      <c r="C2269" s="18"/>
    </row>
    <row r="2270" spans="1:3" ht="45" x14ac:dyDescent="0.25">
      <c r="A2270" s="12" t="s">
        <v>2315</v>
      </c>
      <c r="B2270" s="15" t="s">
        <v>2316</v>
      </c>
      <c r="C2270" s="14"/>
    </row>
    <row r="2271" spans="1:3" x14ac:dyDescent="0.25">
      <c r="A2271" s="17" t="s">
        <v>678</v>
      </c>
      <c r="B2271" s="15">
        <v>40381</v>
      </c>
      <c r="C2271" s="18"/>
    </row>
    <row r="2272" spans="1:3" x14ac:dyDescent="0.25">
      <c r="A2272" s="17" t="s">
        <v>691</v>
      </c>
      <c r="B2272" s="15">
        <v>40406</v>
      </c>
      <c r="C2272" s="18"/>
    </row>
    <row r="2273" spans="1:3" ht="30" x14ac:dyDescent="0.25">
      <c r="A2273" s="17" t="s">
        <v>1788</v>
      </c>
      <c r="B2273" s="15" t="s">
        <v>1789</v>
      </c>
      <c r="C2273" s="18"/>
    </row>
    <row r="2274" spans="1:3" x14ac:dyDescent="0.25">
      <c r="A2274" s="17" t="s">
        <v>1385</v>
      </c>
      <c r="B2274" s="15">
        <v>41753</v>
      </c>
      <c r="C2274" s="18"/>
    </row>
    <row r="2275" spans="1:3" x14ac:dyDescent="0.25">
      <c r="A2275" s="17" t="s">
        <v>1108</v>
      </c>
      <c r="B2275" s="15">
        <v>41172</v>
      </c>
      <c r="C2275" s="18"/>
    </row>
    <row r="2276" spans="1:3" x14ac:dyDescent="0.25">
      <c r="A2276" s="17" t="s">
        <v>421</v>
      </c>
      <c r="B2276" s="15">
        <v>40025</v>
      </c>
      <c r="C2276" s="18"/>
    </row>
    <row r="2277" spans="1:3" x14ac:dyDescent="0.25">
      <c r="A2277" s="17" t="s">
        <v>1546</v>
      </c>
      <c r="B2277" s="15">
        <v>42020</v>
      </c>
      <c r="C2277" s="18"/>
    </row>
    <row r="2278" spans="1:3" ht="45" x14ac:dyDescent="0.25">
      <c r="A2278" s="12" t="s">
        <v>2360</v>
      </c>
      <c r="B2278" s="15" t="s">
        <v>2361</v>
      </c>
      <c r="C2278" s="14"/>
    </row>
    <row r="2279" spans="1:3" x14ac:dyDescent="0.25">
      <c r="A2279" s="17" t="s">
        <v>387</v>
      </c>
      <c r="B2279" s="15">
        <v>39983</v>
      </c>
      <c r="C2279" s="18"/>
    </row>
    <row r="2280" spans="1:3" ht="45" x14ac:dyDescent="0.25">
      <c r="A2280" s="12" t="s">
        <v>2773</v>
      </c>
      <c r="B2280" s="13" t="s">
        <v>2774</v>
      </c>
      <c r="C2280" s="14"/>
    </row>
    <row r="2281" spans="1:3" ht="30" x14ac:dyDescent="0.25">
      <c r="A2281" s="17" t="s">
        <v>1389</v>
      </c>
      <c r="B2281" s="15" t="s">
        <v>1390</v>
      </c>
      <c r="C2281" s="18"/>
    </row>
    <row r="2282" spans="1:3" x14ac:dyDescent="0.25">
      <c r="A2282" s="12" t="s">
        <v>2234</v>
      </c>
      <c r="B2282" s="15">
        <v>43049</v>
      </c>
      <c r="C2282" s="14"/>
    </row>
    <row r="2283" spans="1:3" x14ac:dyDescent="0.25">
      <c r="A2283" s="17" t="s">
        <v>560</v>
      </c>
      <c r="B2283" s="15">
        <v>40228</v>
      </c>
      <c r="C2283" s="18"/>
    </row>
    <row r="2284" spans="1:3" x14ac:dyDescent="0.25">
      <c r="A2284" s="17" t="s">
        <v>358</v>
      </c>
      <c r="B2284" s="15">
        <v>39969</v>
      </c>
      <c r="C2284" s="18"/>
    </row>
    <row r="2285" spans="1:3" x14ac:dyDescent="0.25">
      <c r="A2285" s="12" t="s">
        <v>3177</v>
      </c>
      <c r="B2285" s="16">
        <v>45441</v>
      </c>
      <c r="C2285" s="14"/>
    </row>
    <row r="2286" spans="1:3" ht="30" x14ac:dyDescent="0.25">
      <c r="A2286" s="17" t="s">
        <v>1243</v>
      </c>
      <c r="B2286" s="15">
        <v>41484</v>
      </c>
      <c r="C2286" s="18"/>
    </row>
    <row r="2287" spans="1:3" x14ac:dyDescent="0.25">
      <c r="A2287" s="12" t="s">
        <v>2983</v>
      </c>
      <c r="B2287" s="24" t="s">
        <v>2982</v>
      </c>
      <c r="C2287" s="14"/>
    </row>
    <row r="2288" spans="1:3" ht="30" x14ac:dyDescent="0.25">
      <c r="A2288" s="12" t="s">
        <v>2620</v>
      </c>
      <c r="B2288" s="15" t="s">
        <v>2621</v>
      </c>
      <c r="C2288" s="14"/>
    </row>
    <row r="2289" spans="1:3" x14ac:dyDescent="0.25">
      <c r="A2289" s="17" t="s">
        <v>801</v>
      </c>
      <c r="B2289" s="15" t="s">
        <v>802</v>
      </c>
      <c r="C2289" s="18"/>
    </row>
    <row r="2290" spans="1:3" ht="60" x14ac:dyDescent="0.25">
      <c r="A2290" s="12" t="s">
        <v>2246</v>
      </c>
      <c r="B2290" s="15" t="s">
        <v>2247</v>
      </c>
      <c r="C2290" s="14"/>
    </row>
    <row r="2291" spans="1:3" x14ac:dyDescent="0.25">
      <c r="A2291" s="17" t="s">
        <v>1109</v>
      </c>
      <c r="B2291" s="15">
        <v>41176</v>
      </c>
      <c r="C2291" s="18"/>
    </row>
    <row r="2292" spans="1:3" x14ac:dyDescent="0.25">
      <c r="A2292" s="17" t="s">
        <v>1359</v>
      </c>
      <c r="B2292" s="15">
        <v>41712</v>
      </c>
      <c r="C2292" s="18"/>
    </row>
    <row r="2293" spans="1:3" ht="30" x14ac:dyDescent="0.25">
      <c r="A2293" s="17" t="s">
        <v>1714</v>
      </c>
      <c r="B2293" s="15" t="s">
        <v>1715</v>
      </c>
      <c r="C2293" s="18"/>
    </row>
    <row r="2294" spans="1:3" x14ac:dyDescent="0.25">
      <c r="A2294" s="12" t="s">
        <v>3162</v>
      </c>
      <c r="B2294" s="16">
        <v>45379</v>
      </c>
      <c r="C2294" s="14"/>
    </row>
    <row r="2295" spans="1:3" x14ac:dyDescent="0.25">
      <c r="A2295" s="12" t="s">
        <v>3078</v>
      </c>
      <c r="B2295" s="16">
        <v>45071</v>
      </c>
      <c r="C2295" s="14"/>
    </row>
    <row r="2296" spans="1:3" ht="30" x14ac:dyDescent="0.25">
      <c r="A2296" s="17" t="s">
        <v>1724</v>
      </c>
      <c r="B2296" s="15" t="s">
        <v>1725</v>
      </c>
      <c r="C2296" s="18"/>
    </row>
    <row r="2297" spans="1:3" x14ac:dyDescent="0.25">
      <c r="A2297" s="12" t="s">
        <v>2687</v>
      </c>
      <c r="B2297" s="16">
        <v>44078</v>
      </c>
      <c r="C2297" s="14"/>
    </row>
    <row r="2298" spans="1:3" x14ac:dyDescent="0.25">
      <c r="A2298" s="17" t="s">
        <v>56</v>
      </c>
      <c r="B2298" s="15">
        <v>39364</v>
      </c>
      <c r="C2298" s="18"/>
    </row>
    <row r="2299" spans="1:3" x14ac:dyDescent="0.25">
      <c r="A2299" s="17" t="s">
        <v>828</v>
      </c>
      <c r="B2299" s="15">
        <v>40634</v>
      </c>
      <c r="C2299" s="18"/>
    </row>
    <row r="2300" spans="1:3" ht="30" x14ac:dyDescent="0.25">
      <c r="A2300" s="12" t="s">
        <v>2731</v>
      </c>
      <c r="B2300" s="16">
        <v>44247</v>
      </c>
      <c r="C2300" s="14"/>
    </row>
    <row r="2301" spans="1:3" x14ac:dyDescent="0.25">
      <c r="A2301" s="12" t="s">
        <v>2164</v>
      </c>
      <c r="B2301" s="15">
        <v>42971</v>
      </c>
      <c r="C2301" s="14"/>
    </row>
    <row r="2302" spans="1:3" x14ac:dyDescent="0.25">
      <c r="A2302" s="17" t="s">
        <v>1729</v>
      </c>
      <c r="B2302" s="15">
        <v>42353</v>
      </c>
      <c r="C2302" s="18"/>
    </row>
    <row r="2303" spans="1:3" x14ac:dyDescent="0.25">
      <c r="A2303" s="17" t="s">
        <v>758</v>
      </c>
      <c r="B2303" s="15">
        <v>40500</v>
      </c>
      <c r="C2303" s="18"/>
    </row>
    <row r="2304" spans="1:3" ht="30" x14ac:dyDescent="0.25">
      <c r="A2304" s="17" t="s">
        <v>272</v>
      </c>
      <c r="B2304" s="15">
        <v>39891</v>
      </c>
      <c r="C2304" s="18"/>
    </row>
    <row r="2305" spans="1:3" x14ac:dyDescent="0.25">
      <c r="A2305" s="12" t="s">
        <v>3015</v>
      </c>
      <c r="B2305" s="16">
        <v>44911</v>
      </c>
      <c r="C2305" s="14"/>
    </row>
    <row r="2306" spans="1:3" x14ac:dyDescent="0.25">
      <c r="A2306" s="12" t="s">
        <v>2273</v>
      </c>
      <c r="B2306" s="15">
        <v>43103</v>
      </c>
      <c r="C2306" s="14"/>
    </row>
    <row r="2307" spans="1:3" x14ac:dyDescent="0.25">
      <c r="A2307" s="20" t="s">
        <v>3255</v>
      </c>
      <c r="B2307" s="21">
        <v>45785</v>
      </c>
      <c r="C2307" s="22"/>
    </row>
    <row r="2308" spans="1:3" x14ac:dyDescent="0.25">
      <c r="A2308" s="17" t="s">
        <v>588</v>
      </c>
      <c r="B2308" s="15">
        <v>40256</v>
      </c>
      <c r="C2308" s="18"/>
    </row>
    <row r="2309" spans="1:3" x14ac:dyDescent="0.25">
      <c r="A2309" s="17" t="s">
        <v>680</v>
      </c>
      <c r="B2309" s="15">
        <v>40382</v>
      </c>
      <c r="C2309" s="18"/>
    </row>
    <row r="2310" spans="1:3" x14ac:dyDescent="0.25">
      <c r="A2310" s="17" t="s">
        <v>926</v>
      </c>
      <c r="B2310" s="15">
        <v>40850</v>
      </c>
      <c r="C2310" s="18"/>
    </row>
    <row r="2311" spans="1:3" x14ac:dyDescent="0.25">
      <c r="A2311" s="12" t="s">
        <v>2658</v>
      </c>
      <c r="B2311" s="16">
        <v>44005</v>
      </c>
      <c r="C2311" s="14"/>
    </row>
    <row r="2312" spans="1:3" x14ac:dyDescent="0.25">
      <c r="A2312" s="17" t="s">
        <v>1300</v>
      </c>
      <c r="B2312" s="15">
        <v>41609</v>
      </c>
      <c r="C2312" s="18"/>
    </row>
    <row r="2313" spans="1:3" x14ac:dyDescent="0.25">
      <c r="A2313" s="17" t="s">
        <v>424</v>
      </c>
      <c r="B2313" s="15">
        <v>40031</v>
      </c>
      <c r="C2313" s="18"/>
    </row>
    <row r="2314" spans="1:3" ht="60" x14ac:dyDescent="0.25">
      <c r="A2314" s="12" t="s">
        <v>2717</v>
      </c>
      <c r="B2314" s="16">
        <v>44203</v>
      </c>
      <c r="C2314" s="27">
        <v>44203</v>
      </c>
    </row>
    <row r="2315" spans="1:3" x14ac:dyDescent="0.25">
      <c r="A2315" s="12" t="s">
        <v>2440</v>
      </c>
      <c r="B2315" s="15">
        <v>43409</v>
      </c>
      <c r="C2315" s="14"/>
    </row>
    <row r="2316" spans="1:3" ht="30" x14ac:dyDescent="0.25">
      <c r="A2316" s="17" t="s">
        <v>198</v>
      </c>
      <c r="B2316" s="15" t="s">
        <v>199</v>
      </c>
      <c r="C2316" s="18"/>
    </row>
    <row r="2317" spans="1:3" x14ac:dyDescent="0.25">
      <c r="A2317" s="20" t="s">
        <v>3203</v>
      </c>
      <c r="B2317" s="21">
        <v>45526</v>
      </c>
      <c r="C2317" s="22"/>
    </row>
    <row r="2318" spans="1:3" x14ac:dyDescent="0.25">
      <c r="A2318" s="17" t="s">
        <v>888</v>
      </c>
      <c r="B2318" s="15">
        <v>40757</v>
      </c>
      <c r="C2318" s="18"/>
    </row>
    <row r="2319" spans="1:3" x14ac:dyDescent="0.25">
      <c r="A2319" s="17" t="s">
        <v>1827</v>
      </c>
      <c r="B2319" s="15">
        <v>42509</v>
      </c>
      <c r="C2319" s="18"/>
    </row>
    <row r="2320" spans="1:3" x14ac:dyDescent="0.25">
      <c r="A2320" s="17" t="s">
        <v>934</v>
      </c>
      <c r="B2320" s="15">
        <v>40869</v>
      </c>
      <c r="C2320" s="18"/>
    </row>
    <row r="2321" spans="1:3" x14ac:dyDescent="0.25">
      <c r="A2321" s="17" t="s">
        <v>1720</v>
      </c>
      <c r="B2321" s="15">
        <v>42339</v>
      </c>
      <c r="C2321" s="18"/>
    </row>
    <row r="2322" spans="1:3" x14ac:dyDescent="0.25">
      <c r="A2322" s="17" t="s">
        <v>606</v>
      </c>
      <c r="B2322" s="15">
        <v>40291</v>
      </c>
      <c r="C2322" s="18"/>
    </row>
    <row r="2323" spans="1:3" ht="30" x14ac:dyDescent="0.25">
      <c r="A2323" s="12" t="s">
        <v>3026</v>
      </c>
      <c r="B2323" s="16">
        <v>44944</v>
      </c>
      <c r="C2323" s="14"/>
    </row>
    <row r="2324" spans="1:3" x14ac:dyDescent="0.25">
      <c r="A2324" s="12" t="s">
        <v>3022</v>
      </c>
      <c r="B2324" s="16">
        <v>44932</v>
      </c>
      <c r="C2324" s="14"/>
    </row>
    <row r="2325" spans="1:3" x14ac:dyDescent="0.25">
      <c r="A2325" s="17" t="s">
        <v>935</v>
      </c>
      <c r="B2325" s="15">
        <v>40869</v>
      </c>
      <c r="C2325" s="18"/>
    </row>
    <row r="2326" spans="1:3" x14ac:dyDescent="0.25">
      <c r="A2326" s="12" t="s">
        <v>1998</v>
      </c>
      <c r="B2326" s="15">
        <v>42761</v>
      </c>
      <c r="C2326" s="14"/>
    </row>
    <row r="2327" spans="1:3" x14ac:dyDescent="0.25">
      <c r="A2327" s="17" t="s">
        <v>621</v>
      </c>
      <c r="B2327" s="15">
        <v>40312</v>
      </c>
      <c r="C2327" s="18"/>
    </row>
    <row r="2328" spans="1:3" x14ac:dyDescent="0.25">
      <c r="A2328" s="12" t="s">
        <v>2694</v>
      </c>
      <c r="B2328" s="16">
        <v>44104</v>
      </c>
      <c r="C2328" s="14"/>
    </row>
    <row r="2329" spans="1:3" x14ac:dyDescent="0.25">
      <c r="A2329" s="17" t="s">
        <v>1282</v>
      </c>
      <c r="B2329" s="15">
        <v>41556</v>
      </c>
      <c r="C2329" s="49"/>
    </row>
    <row r="2330" spans="1:3" ht="30" x14ac:dyDescent="0.25">
      <c r="A2330" s="17" t="s">
        <v>996</v>
      </c>
      <c r="B2330" s="15">
        <v>40953</v>
      </c>
      <c r="C2330" s="18"/>
    </row>
    <row r="2331" spans="1:3" x14ac:dyDescent="0.25">
      <c r="A2331" s="17" t="s">
        <v>455</v>
      </c>
      <c r="B2331" s="15">
        <v>40067</v>
      </c>
      <c r="C2331" s="18"/>
    </row>
    <row r="2332" spans="1:3" x14ac:dyDescent="0.25">
      <c r="A2332" s="17" t="s">
        <v>282</v>
      </c>
      <c r="B2332" s="15">
        <v>39899</v>
      </c>
      <c r="C2332" s="18"/>
    </row>
    <row r="2333" spans="1:3" x14ac:dyDescent="0.25">
      <c r="A2333" s="17" t="s">
        <v>1758</v>
      </c>
      <c r="B2333" s="15">
        <v>42418</v>
      </c>
      <c r="C2333" s="18"/>
    </row>
    <row r="2334" spans="1:3" x14ac:dyDescent="0.25">
      <c r="A2334" s="12" t="s">
        <v>2110</v>
      </c>
      <c r="B2334" s="15">
        <v>42886</v>
      </c>
      <c r="C2334" s="14"/>
    </row>
    <row r="2335" spans="1:3" ht="45" x14ac:dyDescent="0.25">
      <c r="A2335" s="17" t="s">
        <v>1270</v>
      </c>
      <c r="B2335" s="15" t="s">
        <v>1271</v>
      </c>
      <c r="C2335" s="18"/>
    </row>
    <row r="2336" spans="1:3" x14ac:dyDescent="0.25">
      <c r="A2336" s="12" t="s">
        <v>2782</v>
      </c>
      <c r="B2336" s="16">
        <v>44364</v>
      </c>
      <c r="C2336" s="14"/>
    </row>
    <row r="2337" spans="1:3" x14ac:dyDescent="0.25">
      <c r="A2337" s="17" t="s">
        <v>846</v>
      </c>
      <c r="B2337" s="15">
        <v>40674</v>
      </c>
      <c r="C2337" s="18"/>
    </row>
    <row r="2338" spans="1:3" ht="30" x14ac:dyDescent="0.25">
      <c r="A2338" s="17" t="s">
        <v>504</v>
      </c>
      <c r="B2338" s="15">
        <v>40133</v>
      </c>
      <c r="C2338" s="18"/>
    </row>
    <row r="2339" spans="1:3" x14ac:dyDescent="0.25">
      <c r="A2339" s="12" t="s">
        <v>3010</v>
      </c>
      <c r="B2339" s="24">
        <v>44903</v>
      </c>
      <c r="C2339" s="14"/>
    </row>
    <row r="2340" spans="1:3" x14ac:dyDescent="0.25">
      <c r="A2340" s="17" t="s">
        <v>1309</v>
      </c>
      <c r="B2340" s="15">
        <v>41641</v>
      </c>
      <c r="C2340" s="18"/>
    </row>
    <row r="2341" spans="1:3" x14ac:dyDescent="0.25">
      <c r="A2341" s="12" t="s">
        <v>2251</v>
      </c>
      <c r="B2341" s="15">
        <v>43069</v>
      </c>
      <c r="C2341" s="14"/>
    </row>
    <row r="2342" spans="1:3" ht="45" x14ac:dyDescent="0.25">
      <c r="A2342" s="12" t="s">
        <v>2422</v>
      </c>
      <c r="B2342" s="15" t="s">
        <v>2423</v>
      </c>
      <c r="C2342" s="14"/>
    </row>
    <row r="2343" spans="1:3" x14ac:dyDescent="0.25">
      <c r="A2343" s="17" t="s">
        <v>566</v>
      </c>
      <c r="B2343" s="15">
        <v>40235</v>
      </c>
      <c r="C2343" s="18"/>
    </row>
    <row r="2344" spans="1:3" ht="45" x14ac:dyDescent="0.25">
      <c r="A2344" s="17" t="s">
        <v>760</v>
      </c>
      <c r="B2344" s="15" t="s">
        <v>761</v>
      </c>
      <c r="C2344" s="18"/>
    </row>
    <row r="2345" spans="1:3" ht="45" x14ac:dyDescent="0.25">
      <c r="A2345" s="29" t="s">
        <v>2492</v>
      </c>
      <c r="B2345" s="50" t="s">
        <v>2493</v>
      </c>
      <c r="C2345" s="14"/>
    </row>
    <row r="2346" spans="1:3" x14ac:dyDescent="0.25">
      <c r="A2346" s="12" t="s">
        <v>2875</v>
      </c>
      <c r="B2346" s="24" t="s">
        <v>2876</v>
      </c>
      <c r="C2346" s="14"/>
    </row>
    <row r="2347" spans="1:3" x14ac:dyDescent="0.25">
      <c r="A2347" s="17" t="s">
        <v>1226</v>
      </c>
      <c r="B2347" s="15">
        <v>41457</v>
      </c>
      <c r="C2347" s="18"/>
    </row>
    <row r="2348" spans="1:3" x14ac:dyDescent="0.25">
      <c r="A2348" s="17" t="s">
        <v>692</v>
      </c>
      <c r="B2348" s="15">
        <v>40409</v>
      </c>
      <c r="C2348" s="18"/>
    </row>
    <row r="2349" spans="1:3" x14ac:dyDescent="0.25">
      <c r="A2349" s="12" t="s">
        <v>2044</v>
      </c>
      <c r="B2349" s="15">
        <v>42807</v>
      </c>
      <c r="C2349" s="14"/>
    </row>
    <row r="2350" spans="1:3" x14ac:dyDescent="0.25">
      <c r="A2350" s="17" t="s">
        <v>822</v>
      </c>
      <c r="B2350" s="15">
        <v>40627</v>
      </c>
      <c r="C2350" s="18"/>
    </row>
    <row r="2351" spans="1:3" x14ac:dyDescent="0.25">
      <c r="A2351" s="17" t="s">
        <v>91</v>
      </c>
      <c r="B2351" s="15">
        <v>39601</v>
      </c>
      <c r="C2351" s="18"/>
    </row>
    <row r="2352" spans="1:3" ht="45" x14ac:dyDescent="0.25">
      <c r="A2352" s="34" t="s">
        <v>1726</v>
      </c>
      <c r="B2352" s="15" t="s">
        <v>1727</v>
      </c>
      <c r="C2352" s="18"/>
    </row>
    <row r="2353" spans="1:3" x14ac:dyDescent="0.25">
      <c r="A2353" s="17" t="s">
        <v>594</v>
      </c>
      <c r="B2353" s="15">
        <v>40269</v>
      </c>
      <c r="C2353" s="18"/>
    </row>
    <row r="2354" spans="1:3" x14ac:dyDescent="0.25">
      <c r="A2354" s="17" t="s">
        <v>1632</v>
      </c>
      <c r="B2354" s="15">
        <v>42198</v>
      </c>
      <c r="C2354" s="18"/>
    </row>
    <row r="2355" spans="1:3" x14ac:dyDescent="0.25">
      <c r="A2355" s="17" t="s">
        <v>789</v>
      </c>
      <c r="B2355" s="15">
        <v>40571</v>
      </c>
      <c r="C2355" s="18"/>
    </row>
    <row r="2356" spans="1:3" x14ac:dyDescent="0.25">
      <c r="A2356" s="17" t="s">
        <v>1620</v>
      </c>
      <c r="B2356" s="15">
        <v>42174</v>
      </c>
      <c r="C2356" s="18"/>
    </row>
    <row r="2357" spans="1:3" x14ac:dyDescent="0.25">
      <c r="A2357" s="12" t="s">
        <v>2357</v>
      </c>
      <c r="B2357" s="15">
        <v>43272</v>
      </c>
      <c r="C2357" s="14"/>
    </row>
    <row r="2358" spans="1:3" ht="30" x14ac:dyDescent="0.25">
      <c r="A2358" s="17" t="s">
        <v>1334</v>
      </c>
      <c r="B2358" s="15" t="s">
        <v>1335</v>
      </c>
      <c r="C2358" s="18"/>
    </row>
    <row r="2359" spans="1:3" x14ac:dyDescent="0.25">
      <c r="A2359" s="20" t="s">
        <v>3213</v>
      </c>
      <c r="B2359" s="21">
        <v>45581</v>
      </c>
      <c r="C2359" s="22"/>
    </row>
    <row r="2360" spans="1:3" x14ac:dyDescent="0.25">
      <c r="A2360" s="17" t="s">
        <v>317</v>
      </c>
      <c r="B2360" s="15">
        <v>39934</v>
      </c>
      <c r="C2360" s="18"/>
    </row>
    <row r="2361" spans="1:3" x14ac:dyDescent="0.25">
      <c r="A2361" s="12" t="s">
        <v>2678</v>
      </c>
      <c r="B2361" s="16">
        <v>44043</v>
      </c>
      <c r="C2361" s="14"/>
    </row>
    <row r="2362" spans="1:3" x14ac:dyDescent="0.25">
      <c r="A2362" s="17" t="s">
        <v>1079</v>
      </c>
      <c r="B2362" s="15">
        <v>41121</v>
      </c>
      <c r="C2362" s="18"/>
    </row>
    <row r="2363" spans="1:3" x14ac:dyDescent="0.25">
      <c r="A2363" s="12" t="s">
        <v>2268</v>
      </c>
      <c r="B2363" s="15">
        <v>43090</v>
      </c>
      <c r="C2363" s="14"/>
    </row>
    <row r="2364" spans="1:3" ht="30" x14ac:dyDescent="0.25">
      <c r="A2364" s="17" t="s">
        <v>1077</v>
      </c>
      <c r="B2364" s="15">
        <v>41116</v>
      </c>
      <c r="C2364" s="18"/>
    </row>
    <row r="2365" spans="1:3" x14ac:dyDescent="0.25">
      <c r="A2365" s="12" t="s">
        <v>2937</v>
      </c>
      <c r="B2365" s="24" t="s">
        <v>2938</v>
      </c>
      <c r="C2365" s="14"/>
    </row>
    <row r="2366" spans="1:3" ht="30" x14ac:dyDescent="0.25">
      <c r="A2366" s="12" t="s">
        <v>2029</v>
      </c>
      <c r="B2366" s="15" t="s">
        <v>2030</v>
      </c>
      <c r="C2366" s="14"/>
    </row>
    <row r="2367" spans="1:3" ht="165" x14ac:dyDescent="0.25">
      <c r="A2367" s="17" t="s">
        <v>1507</v>
      </c>
      <c r="B2367" s="15" t="s">
        <v>1508</v>
      </c>
      <c r="C2367" s="37">
        <v>41953</v>
      </c>
    </row>
    <row r="2368" spans="1:3" ht="165" x14ac:dyDescent="0.25">
      <c r="A2368" s="17" t="s">
        <v>1507</v>
      </c>
      <c r="B2368" s="15" t="s">
        <v>1509</v>
      </c>
      <c r="C2368" s="32">
        <v>43497</v>
      </c>
    </row>
    <row r="2369" spans="1:3" ht="165" x14ac:dyDescent="0.25">
      <c r="A2369" s="17" t="s">
        <v>1507</v>
      </c>
      <c r="B2369" s="15" t="s">
        <v>1510</v>
      </c>
      <c r="C2369" s="27">
        <v>44447</v>
      </c>
    </row>
    <row r="2370" spans="1:3" x14ac:dyDescent="0.25">
      <c r="A2370" s="17" t="s">
        <v>454</v>
      </c>
      <c r="B2370" s="15">
        <v>40056</v>
      </c>
      <c r="C2370" s="18"/>
    </row>
    <row r="2371" spans="1:3" x14ac:dyDescent="0.25">
      <c r="A2371" s="12" t="s">
        <v>2083</v>
      </c>
      <c r="B2371" s="15">
        <v>42851</v>
      </c>
      <c r="C2371" s="14"/>
    </row>
    <row r="2372" spans="1:3" ht="60" x14ac:dyDescent="0.25">
      <c r="A2372" s="17" t="s">
        <v>1065</v>
      </c>
      <c r="B2372" s="15" t="s">
        <v>1066</v>
      </c>
      <c r="C2372" s="18"/>
    </row>
    <row r="2373" spans="1:3" ht="30" x14ac:dyDescent="0.25">
      <c r="A2373" s="43" t="s">
        <v>2667</v>
      </c>
      <c r="B2373" s="15" t="s">
        <v>2668</v>
      </c>
      <c r="C2373" s="14"/>
    </row>
    <row r="2374" spans="1:3" ht="30" x14ac:dyDescent="0.25">
      <c r="A2374" s="12" t="s">
        <v>2612</v>
      </c>
      <c r="B2374" s="15" t="s">
        <v>2613</v>
      </c>
      <c r="C2374" s="14"/>
    </row>
    <row r="2375" spans="1:3" x14ac:dyDescent="0.25">
      <c r="A2375" s="17" t="s">
        <v>843</v>
      </c>
      <c r="B2375" s="15">
        <v>40653</v>
      </c>
      <c r="C2375" s="18"/>
    </row>
    <row r="2376" spans="1:3" x14ac:dyDescent="0.25">
      <c r="A2376" s="17" t="s">
        <v>1410</v>
      </c>
      <c r="B2376" s="15">
        <v>41786</v>
      </c>
      <c r="C2376" s="18"/>
    </row>
    <row r="2377" spans="1:3" x14ac:dyDescent="0.25">
      <c r="A2377" s="17" t="s">
        <v>1409</v>
      </c>
      <c r="B2377" s="15">
        <v>41786</v>
      </c>
      <c r="C2377" s="18"/>
    </row>
    <row r="2378" spans="1:3" x14ac:dyDescent="0.25">
      <c r="A2378" s="12" t="s">
        <v>2666</v>
      </c>
      <c r="B2378" s="16">
        <v>44028</v>
      </c>
      <c r="C2378" s="14"/>
    </row>
    <row r="2379" spans="1:3" x14ac:dyDescent="0.25">
      <c r="A2379" s="17" t="s">
        <v>670</v>
      </c>
      <c r="B2379" s="15">
        <v>40372</v>
      </c>
      <c r="C2379" s="18"/>
    </row>
    <row r="2380" spans="1:3" x14ac:dyDescent="0.25">
      <c r="A2380" s="12" t="s">
        <v>1948</v>
      </c>
      <c r="B2380" s="15">
        <v>42690</v>
      </c>
      <c r="C2380" s="14"/>
    </row>
    <row r="2381" spans="1:3" ht="45" x14ac:dyDescent="0.25">
      <c r="A2381" s="12" t="s">
        <v>3293</v>
      </c>
      <c r="B2381" s="15" t="s">
        <v>2064</v>
      </c>
      <c r="C2381" s="14"/>
    </row>
    <row r="2382" spans="1:3" x14ac:dyDescent="0.25">
      <c r="A2382" s="17" t="s">
        <v>652</v>
      </c>
      <c r="B2382" s="15">
        <v>40346</v>
      </c>
      <c r="C2382" s="18"/>
    </row>
    <row r="2383" spans="1:3" ht="45" x14ac:dyDescent="0.25">
      <c r="A2383" s="17" t="s">
        <v>987</v>
      </c>
      <c r="B2383" s="26" t="s">
        <v>988</v>
      </c>
      <c r="C2383" s="18"/>
    </row>
    <row r="2384" spans="1:3" ht="45" x14ac:dyDescent="0.25">
      <c r="A2384" s="17" t="s">
        <v>717</v>
      </c>
      <c r="B2384" s="15">
        <v>40448</v>
      </c>
      <c r="C2384" s="18"/>
    </row>
    <row r="2385" spans="1:3" x14ac:dyDescent="0.25">
      <c r="A2385" s="20" t="s">
        <v>3242</v>
      </c>
      <c r="B2385" s="21">
        <v>45744</v>
      </c>
      <c r="C2385" s="22"/>
    </row>
    <row r="2386" spans="1:3" x14ac:dyDescent="0.25">
      <c r="A2386" s="17" t="s">
        <v>63</v>
      </c>
      <c r="B2386" s="15">
        <v>39433</v>
      </c>
      <c r="C2386" s="18"/>
    </row>
    <row r="2387" spans="1:3" ht="45" x14ac:dyDescent="0.25">
      <c r="A2387" s="17" t="s">
        <v>8</v>
      </c>
      <c r="B2387" s="15" t="s">
        <v>9</v>
      </c>
      <c r="C2387" s="18"/>
    </row>
    <row r="2388" spans="1:3" x14ac:dyDescent="0.25">
      <c r="A2388" s="17" t="s">
        <v>12</v>
      </c>
      <c r="B2388" s="15">
        <v>38418</v>
      </c>
      <c r="C2388" s="18"/>
    </row>
    <row r="2389" spans="1:3" x14ac:dyDescent="0.25">
      <c r="A2389" s="17" t="s">
        <v>1939</v>
      </c>
      <c r="B2389" s="15">
        <v>42681</v>
      </c>
      <c r="C2389" s="14"/>
    </row>
    <row r="2390" spans="1:3" x14ac:dyDescent="0.25">
      <c r="A2390" s="17" t="s">
        <v>1940</v>
      </c>
      <c r="B2390" s="15">
        <v>42681</v>
      </c>
      <c r="C2390" s="14"/>
    </row>
    <row r="2391" spans="1:3" x14ac:dyDescent="0.25">
      <c r="A2391" s="17" t="s">
        <v>130</v>
      </c>
      <c r="B2391" s="15">
        <v>39714</v>
      </c>
      <c r="C2391" s="18"/>
    </row>
    <row r="2392" spans="1:3" x14ac:dyDescent="0.25">
      <c r="A2392" s="17" t="s">
        <v>908</v>
      </c>
      <c r="B2392" s="15">
        <v>40815</v>
      </c>
      <c r="C2392" s="18"/>
    </row>
    <row r="2393" spans="1:3" x14ac:dyDescent="0.25">
      <c r="A2393" s="17" t="s">
        <v>978</v>
      </c>
      <c r="B2393" s="15">
        <v>40933</v>
      </c>
      <c r="C2393" s="18"/>
    </row>
    <row r="2394" spans="1:3" x14ac:dyDescent="0.25">
      <c r="A2394" s="17" t="s">
        <v>712</v>
      </c>
      <c r="B2394" s="15" t="s">
        <v>713</v>
      </c>
      <c r="C2394" s="18"/>
    </row>
    <row r="2395" spans="1:3" ht="45" x14ac:dyDescent="0.25">
      <c r="A2395" s="17" t="s">
        <v>1241</v>
      </c>
      <c r="B2395" s="15" t="s">
        <v>1242</v>
      </c>
      <c r="C2395" s="18"/>
    </row>
    <row r="2396" spans="1:3" ht="45" x14ac:dyDescent="0.25">
      <c r="A2396" s="17" t="s">
        <v>668</v>
      </c>
      <c r="B2396" s="15" t="s">
        <v>669</v>
      </c>
      <c r="C2396" s="18"/>
    </row>
    <row r="2397" spans="1:3" x14ac:dyDescent="0.25">
      <c r="A2397" s="12" t="s">
        <v>1945</v>
      </c>
      <c r="B2397" s="15">
        <v>42683</v>
      </c>
      <c r="C2397" s="14"/>
    </row>
    <row r="2398" spans="1:3" x14ac:dyDescent="0.25">
      <c r="A2398" s="17" t="s">
        <v>1200</v>
      </c>
      <c r="B2398" s="15">
        <v>41383</v>
      </c>
      <c r="C2398" s="18"/>
    </row>
    <row r="2399" spans="1:3" x14ac:dyDescent="0.25">
      <c r="A2399" s="17" t="s">
        <v>94</v>
      </c>
      <c r="B2399" s="15">
        <v>39611</v>
      </c>
      <c r="C2399" s="18"/>
    </row>
    <row r="2400" spans="1:3" x14ac:dyDescent="0.25">
      <c r="A2400" s="17" t="s">
        <v>1223</v>
      </c>
      <c r="B2400" s="15">
        <v>41453</v>
      </c>
      <c r="C2400" s="18"/>
    </row>
    <row r="2401" spans="1:3" ht="60" x14ac:dyDescent="0.25">
      <c r="A2401" s="12" t="s">
        <v>2149</v>
      </c>
      <c r="B2401" s="15">
        <v>42949</v>
      </c>
      <c r="C2401" s="27">
        <v>42948</v>
      </c>
    </row>
    <row r="2402" spans="1:3" x14ac:dyDescent="0.25">
      <c r="A2402" s="20" t="s">
        <v>3220</v>
      </c>
      <c r="B2402" s="21">
        <v>45628</v>
      </c>
      <c r="C2402" s="22"/>
    </row>
    <row r="2403" spans="1:3" x14ac:dyDescent="0.25">
      <c r="A2403" s="17" t="s">
        <v>427</v>
      </c>
      <c r="B2403" s="15">
        <v>40031</v>
      </c>
      <c r="C2403" s="18"/>
    </row>
    <row r="2404" spans="1:3" x14ac:dyDescent="0.25">
      <c r="A2404" s="17" t="s">
        <v>1619</v>
      </c>
      <c r="B2404" s="15">
        <v>42172</v>
      </c>
      <c r="C2404" s="18"/>
    </row>
    <row r="2405" spans="1:3" x14ac:dyDescent="0.25">
      <c r="A2405" s="12" t="s">
        <v>3186</v>
      </c>
      <c r="B2405" s="16">
        <v>45464</v>
      </c>
      <c r="C2405" s="14"/>
    </row>
    <row r="2406" spans="1:3" x14ac:dyDescent="0.25">
      <c r="A2406" s="17" t="s">
        <v>1591</v>
      </c>
      <c r="B2406" s="15">
        <v>42117</v>
      </c>
      <c r="C2406" s="18"/>
    </row>
    <row r="2407" spans="1:3" x14ac:dyDescent="0.25">
      <c r="A2407" s="12" t="s">
        <v>2795</v>
      </c>
      <c r="B2407" s="16">
        <v>44406</v>
      </c>
      <c r="C2407" s="14"/>
    </row>
    <row r="2408" spans="1:3" x14ac:dyDescent="0.25">
      <c r="A2408" s="12" t="s">
        <v>2813</v>
      </c>
      <c r="B2408" s="16">
        <v>44449</v>
      </c>
      <c r="C2408" s="14"/>
    </row>
    <row r="2409" spans="1:3" x14ac:dyDescent="0.25">
      <c r="A2409" s="17" t="s">
        <v>1499</v>
      </c>
      <c r="B2409" s="15">
        <v>41949</v>
      </c>
      <c r="C2409" s="18"/>
    </row>
    <row r="2410" spans="1:3" ht="30" x14ac:dyDescent="0.25">
      <c r="A2410" s="17" t="s">
        <v>638</v>
      </c>
      <c r="B2410" s="15">
        <v>40322</v>
      </c>
      <c r="C2410" s="18"/>
    </row>
    <row r="2411" spans="1:3" x14ac:dyDescent="0.25">
      <c r="A2411" s="17" t="s">
        <v>1523</v>
      </c>
      <c r="B2411" s="15">
        <v>41988</v>
      </c>
      <c r="C2411" s="18"/>
    </row>
    <row r="2412" spans="1:3" x14ac:dyDescent="0.25">
      <c r="A2412" s="17" t="s">
        <v>71</v>
      </c>
      <c r="B2412" s="15">
        <v>39514</v>
      </c>
      <c r="C2412" s="18"/>
    </row>
    <row r="2413" spans="1:3" x14ac:dyDescent="0.25">
      <c r="A2413" s="12" t="s">
        <v>3126</v>
      </c>
      <c r="B2413" s="16">
        <v>45238</v>
      </c>
      <c r="C2413" s="14"/>
    </row>
    <row r="2414" spans="1:3" x14ac:dyDescent="0.25">
      <c r="A2414" s="12" t="s">
        <v>2322</v>
      </c>
      <c r="B2414" s="15">
        <v>43200</v>
      </c>
      <c r="C2414" s="14"/>
    </row>
    <row r="2415" spans="1:3" ht="30" x14ac:dyDescent="0.25">
      <c r="A2415" s="17" t="s">
        <v>1532</v>
      </c>
      <c r="B2415" s="15" t="s">
        <v>1533</v>
      </c>
      <c r="C2415" s="18"/>
    </row>
    <row r="2416" spans="1:3" x14ac:dyDescent="0.25">
      <c r="A2416" s="12" t="s">
        <v>3082</v>
      </c>
      <c r="B2416" s="16">
        <v>45090</v>
      </c>
      <c r="C2416" s="14"/>
    </row>
    <row r="2417" spans="1:3" ht="45" x14ac:dyDescent="0.25">
      <c r="A2417" s="17" t="s">
        <v>230</v>
      </c>
      <c r="B2417" s="15" t="s">
        <v>231</v>
      </c>
      <c r="C2417" s="18"/>
    </row>
    <row r="2418" spans="1:3" x14ac:dyDescent="0.25">
      <c r="A2418" s="17" t="s">
        <v>527</v>
      </c>
      <c r="B2418" s="15">
        <v>40168</v>
      </c>
      <c r="C2418" s="18"/>
    </row>
    <row r="2419" spans="1:3" ht="45" x14ac:dyDescent="0.25">
      <c r="A2419" s="12" t="s">
        <v>2801</v>
      </c>
      <c r="B2419" s="25" t="s">
        <v>2802</v>
      </c>
      <c r="C2419" s="14"/>
    </row>
    <row r="2420" spans="1:3" x14ac:dyDescent="0.25">
      <c r="A2420" s="17" t="s">
        <v>701</v>
      </c>
      <c r="B2420" s="15">
        <v>40423</v>
      </c>
      <c r="C2420" s="18"/>
    </row>
    <row r="2421" spans="1:3" x14ac:dyDescent="0.25">
      <c r="A2421" s="12" t="s">
        <v>2647</v>
      </c>
      <c r="B2421" s="15">
        <v>43966</v>
      </c>
      <c r="C2421" s="14"/>
    </row>
    <row r="2422" spans="1:3" x14ac:dyDescent="0.25">
      <c r="A2422" s="17" t="s">
        <v>980</v>
      </c>
      <c r="B2422" s="15">
        <v>40934</v>
      </c>
      <c r="C2422" s="18"/>
    </row>
    <row r="2423" spans="1:3" x14ac:dyDescent="0.25">
      <c r="A2423" s="17" t="s">
        <v>706</v>
      </c>
      <c r="B2423" s="15" t="s">
        <v>707</v>
      </c>
      <c r="C2423" s="18"/>
    </row>
    <row r="2424" spans="1:3" x14ac:dyDescent="0.25">
      <c r="A2424" s="17" t="s">
        <v>920</v>
      </c>
      <c r="B2424" s="15">
        <v>40840</v>
      </c>
      <c r="C2424" s="18"/>
    </row>
    <row r="2425" spans="1:3" ht="45" x14ac:dyDescent="0.25">
      <c r="A2425" s="17" t="s">
        <v>452</v>
      </c>
      <c r="B2425" s="15" t="s">
        <v>453</v>
      </c>
      <c r="C2425" s="18"/>
    </row>
    <row r="2426" spans="1:3" x14ac:dyDescent="0.25">
      <c r="A2426" s="12" t="s">
        <v>3018</v>
      </c>
      <c r="B2426" s="24" t="s">
        <v>3019</v>
      </c>
      <c r="C2426" s="14"/>
    </row>
    <row r="2427" spans="1:3" x14ac:dyDescent="0.25">
      <c r="A2427" s="17" t="s">
        <v>1453</v>
      </c>
      <c r="B2427" s="15">
        <v>41876</v>
      </c>
      <c r="C2427" s="18"/>
    </row>
    <row r="2428" spans="1:3" x14ac:dyDescent="0.25">
      <c r="A2428" s="17" t="s">
        <v>1274</v>
      </c>
      <c r="B2428" s="15">
        <v>41547</v>
      </c>
      <c r="C2428" s="18"/>
    </row>
    <row r="2429" spans="1:3" ht="45" x14ac:dyDescent="0.25">
      <c r="A2429" s="12" t="s">
        <v>2587</v>
      </c>
      <c r="B2429" s="15" t="s">
        <v>2588</v>
      </c>
      <c r="C2429" s="14"/>
    </row>
    <row r="2430" spans="1:3" x14ac:dyDescent="0.25">
      <c r="A2430" s="17" t="s">
        <v>662</v>
      </c>
      <c r="B2430" s="15">
        <v>40354</v>
      </c>
      <c r="C2430" s="18"/>
    </row>
    <row r="2431" spans="1:3" x14ac:dyDescent="0.25">
      <c r="A2431" s="12" t="s">
        <v>3030</v>
      </c>
      <c r="B2431" s="16">
        <v>44953</v>
      </c>
      <c r="C2431" s="14"/>
    </row>
    <row r="2432" spans="1:3" x14ac:dyDescent="0.25">
      <c r="A2432" s="12" t="s">
        <v>3173</v>
      </c>
      <c r="B2432" s="16">
        <v>45428</v>
      </c>
      <c r="C2432" s="14"/>
    </row>
    <row r="2433" spans="1:3" ht="45" x14ac:dyDescent="0.25">
      <c r="A2433" s="12" t="s">
        <v>2796</v>
      </c>
      <c r="B2433" s="25" t="s">
        <v>2797</v>
      </c>
      <c r="C2433" s="14"/>
    </row>
    <row r="2434" spans="1:3" x14ac:dyDescent="0.25">
      <c r="A2434" s="17" t="s">
        <v>2507</v>
      </c>
      <c r="B2434" s="15">
        <v>43573</v>
      </c>
      <c r="C2434" s="14"/>
    </row>
    <row r="2435" spans="1:3" ht="30" x14ac:dyDescent="0.25">
      <c r="A2435" s="17" t="s">
        <v>491</v>
      </c>
      <c r="B2435" s="15">
        <v>40116</v>
      </c>
      <c r="C2435" s="18"/>
    </row>
    <row r="2436" spans="1:3" x14ac:dyDescent="0.25">
      <c r="A2436" s="12" t="s">
        <v>2066</v>
      </c>
      <c r="B2436" s="15">
        <v>42831</v>
      </c>
      <c r="C2436" s="14"/>
    </row>
    <row r="2437" spans="1:3" ht="30" x14ac:dyDescent="0.25">
      <c r="A2437" s="17" t="s">
        <v>1202</v>
      </c>
      <c r="B2437" s="15">
        <v>41388</v>
      </c>
      <c r="C2437" s="18"/>
    </row>
    <row r="2438" spans="1:3" x14ac:dyDescent="0.25">
      <c r="A2438" s="20" t="s">
        <v>3247</v>
      </c>
      <c r="B2438" s="21">
        <v>45758</v>
      </c>
      <c r="C2438" s="22"/>
    </row>
    <row r="2439" spans="1:3" x14ac:dyDescent="0.25">
      <c r="A2439" s="20" t="s">
        <v>3246</v>
      </c>
      <c r="B2439" s="21">
        <v>45758</v>
      </c>
      <c r="C2439" s="22"/>
    </row>
    <row r="2440" spans="1:3" x14ac:dyDescent="0.25">
      <c r="A2440" s="17" t="s">
        <v>832</v>
      </c>
      <c r="B2440" s="15">
        <v>40640</v>
      </c>
      <c r="C2440" s="18"/>
    </row>
    <row r="2441" spans="1:3" ht="45" x14ac:dyDescent="0.25">
      <c r="A2441" s="17" t="s">
        <v>1820</v>
      </c>
      <c r="B2441" s="26" t="s">
        <v>1821</v>
      </c>
      <c r="C2441" s="18"/>
    </row>
    <row r="2442" spans="1:3" ht="105" x14ac:dyDescent="0.25">
      <c r="A2442" s="17" t="s">
        <v>1197</v>
      </c>
      <c r="B2442" s="15" t="s">
        <v>1198</v>
      </c>
      <c r="C2442" s="18"/>
    </row>
    <row r="2443" spans="1:3" x14ac:dyDescent="0.25">
      <c r="A2443" s="12" t="s">
        <v>3134</v>
      </c>
      <c r="B2443" s="16">
        <v>45278</v>
      </c>
      <c r="C2443" s="14"/>
    </row>
    <row r="2444" spans="1:3" ht="30" x14ac:dyDescent="0.25">
      <c r="A2444" s="17" t="s">
        <v>603</v>
      </c>
      <c r="B2444" s="15">
        <v>40291</v>
      </c>
      <c r="C2444" s="18"/>
    </row>
    <row r="2445" spans="1:3" x14ac:dyDescent="0.25">
      <c r="A2445" s="12" t="s">
        <v>3041</v>
      </c>
      <c r="B2445" s="16">
        <v>44984</v>
      </c>
      <c r="C2445" s="14"/>
    </row>
    <row r="2446" spans="1:3" x14ac:dyDescent="0.25">
      <c r="A2446" s="23" t="s">
        <v>2294</v>
      </c>
      <c r="B2446" s="15">
        <v>43141</v>
      </c>
      <c r="C2446" s="14"/>
    </row>
    <row r="2447" spans="1:3" x14ac:dyDescent="0.25">
      <c r="A2447" s="17" t="s">
        <v>925</v>
      </c>
      <c r="B2447" s="15">
        <v>40849</v>
      </c>
      <c r="C2447" s="18"/>
    </row>
    <row r="2448" spans="1:3" x14ac:dyDescent="0.25">
      <c r="A2448" s="17" t="s">
        <v>189</v>
      </c>
      <c r="B2448" s="15">
        <v>39836</v>
      </c>
      <c r="C2448" s="18"/>
    </row>
    <row r="2449" spans="1:3" x14ac:dyDescent="0.25">
      <c r="A2449" s="12" t="s">
        <v>2021</v>
      </c>
      <c r="B2449" s="15">
        <v>42787</v>
      </c>
      <c r="C2449" s="14"/>
    </row>
    <row r="2450" spans="1:3" x14ac:dyDescent="0.25">
      <c r="A2450" s="17" t="s">
        <v>890</v>
      </c>
      <c r="B2450" s="15">
        <v>40763</v>
      </c>
      <c r="C2450" s="18"/>
    </row>
    <row r="2451" spans="1:3" ht="75" x14ac:dyDescent="0.25">
      <c r="A2451" s="12" t="s">
        <v>2434</v>
      </c>
      <c r="B2451" s="15" t="s">
        <v>2435</v>
      </c>
      <c r="C2451" s="14"/>
    </row>
    <row r="2452" spans="1:3" x14ac:dyDescent="0.25">
      <c r="A2452" s="12" t="s">
        <v>2927</v>
      </c>
      <c r="B2452" s="24" t="s">
        <v>2928</v>
      </c>
      <c r="C2452" s="14"/>
    </row>
    <row r="2453" spans="1:3" x14ac:dyDescent="0.25">
      <c r="A2453" s="17" t="s">
        <v>1121</v>
      </c>
      <c r="B2453" s="15">
        <v>41187</v>
      </c>
      <c r="C2453" s="18"/>
    </row>
    <row r="2454" spans="1:3" x14ac:dyDescent="0.25">
      <c r="A2454" s="12" t="s">
        <v>2058</v>
      </c>
      <c r="B2454" s="15">
        <v>42824</v>
      </c>
      <c r="C2454" s="14"/>
    </row>
    <row r="2455" spans="1:3" x14ac:dyDescent="0.25">
      <c r="A2455" s="17" t="s">
        <v>1598</v>
      </c>
      <c r="B2455" s="15">
        <v>42132</v>
      </c>
      <c r="C2455" s="18"/>
    </row>
    <row r="2456" spans="1:3" x14ac:dyDescent="0.25">
      <c r="A2456" s="12" t="s">
        <v>2744</v>
      </c>
      <c r="B2456" s="16">
        <v>44278</v>
      </c>
      <c r="C2456" s="14"/>
    </row>
    <row r="2457" spans="1:3" ht="105" x14ac:dyDescent="0.25">
      <c r="A2457" s="17" t="s">
        <v>1372</v>
      </c>
      <c r="B2457" s="15" t="s">
        <v>1373</v>
      </c>
      <c r="C2457" s="18"/>
    </row>
    <row r="2458" spans="1:3" ht="45" x14ac:dyDescent="0.25">
      <c r="A2458" s="12" t="s">
        <v>2407</v>
      </c>
      <c r="B2458" s="15" t="s">
        <v>2408</v>
      </c>
      <c r="C2458" s="14"/>
    </row>
    <row r="2459" spans="1:3" ht="45" x14ac:dyDescent="0.25">
      <c r="A2459" s="17" t="s">
        <v>1734</v>
      </c>
      <c r="B2459" s="15" t="s">
        <v>1735</v>
      </c>
      <c r="C2459" s="18"/>
    </row>
    <row r="2460" spans="1:3" ht="75" x14ac:dyDescent="0.25">
      <c r="A2460" s="12" t="s">
        <v>2649</v>
      </c>
      <c r="B2460" s="26" t="s">
        <v>2650</v>
      </c>
      <c r="C2460" s="27">
        <v>43970</v>
      </c>
    </row>
    <row r="2461" spans="1:3" ht="45" x14ac:dyDescent="0.25">
      <c r="A2461" s="17" t="s">
        <v>195</v>
      </c>
      <c r="B2461" s="15" t="s">
        <v>196</v>
      </c>
      <c r="C2461" s="18"/>
    </row>
    <row r="2462" spans="1:3" x14ac:dyDescent="0.25">
      <c r="A2462" s="17" t="s">
        <v>1268</v>
      </c>
      <c r="B2462" s="15">
        <v>41535</v>
      </c>
      <c r="C2462" s="18"/>
    </row>
    <row r="2463" spans="1:3" ht="75" x14ac:dyDescent="0.25">
      <c r="A2463" s="17" t="s">
        <v>586</v>
      </c>
      <c r="B2463" s="15" t="s">
        <v>587</v>
      </c>
      <c r="C2463" s="18"/>
    </row>
    <row r="2464" spans="1:3" x14ac:dyDescent="0.25">
      <c r="A2464" s="17" t="s">
        <v>956</v>
      </c>
      <c r="B2464" s="15">
        <v>40911</v>
      </c>
      <c r="C2464" s="18"/>
    </row>
    <row r="2465" spans="1:3" x14ac:dyDescent="0.25">
      <c r="A2465" s="20" t="s">
        <v>3273</v>
      </c>
      <c r="B2465" s="21">
        <v>45897</v>
      </c>
      <c r="C2465" s="22"/>
    </row>
    <row r="2466" spans="1:3" x14ac:dyDescent="0.25">
      <c r="A2466" s="17" t="s">
        <v>931</v>
      </c>
      <c r="B2466" s="15">
        <v>40862</v>
      </c>
      <c r="C2466" s="18"/>
    </row>
    <row r="2467" spans="1:3" x14ac:dyDescent="0.25">
      <c r="A2467" s="12" t="s">
        <v>2040</v>
      </c>
      <c r="B2467" s="15">
        <v>42801</v>
      </c>
      <c r="C2467" s="14"/>
    </row>
    <row r="2468" spans="1:3" x14ac:dyDescent="0.25">
      <c r="A2468" s="12" t="s">
        <v>2184</v>
      </c>
      <c r="B2468" s="15">
        <v>42993</v>
      </c>
      <c r="C2468" s="14"/>
    </row>
    <row r="2469" spans="1:3" ht="45" x14ac:dyDescent="0.25">
      <c r="A2469" s="12" t="s">
        <v>2450</v>
      </c>
      <c r="B2469" s="26" t="s">
        <v>2451</v>
      </c>
      <c r="C2469" s="14"/>
    </row>
    <row r="2470" spans="1:3" x14ac:dyDescent="0.25">
      <c r="A2470" s="17" t="s">
        <v>1493</v>
      </c>
      <c r="B2470" s="15">
        <v>41942</v>
      </c>
      <c r="C2470" s="18"/>
    </row>
    <row r="2471" spans="1:3" x14ac:dyDescent="0.25">
      <c r="A2471" s="17" t="s">
        <v>281</v>
      </c>
      <c r="B2471" s="15">
        <v>39899</v>
      </c>
      <c r="C2471" s="18"/>
    </row>
    <row r="2472" spans="1:3" ht="45" x14ac:dyDescent="0.25">
      <c r="A2472" s="12" t="s">
        <v>3095</v>
      </c>
      <c r="B2472" s="13" t="s">
        <v>3096</v>
      </c>
      <c r="C2472" s="14"/>
    </row>
    <row r="2473" spans="1:3" x14ac:dyDescent="0.25">
      <c r="A2473" s="17" t="s">
        <v>837</v>
      </c>
      <c r="B2473" s="15">
        <v>40648</v>
      </c>
      <c r="C2473" s="18"/>
    </row>
    <row r="2474" spans="1:3" x14ac:dyDescent="0.25">
      <c r="A2474" s="17" t="s">
        <v>1650</v>
      </c>
      <c r="B2474" s="15">
        <v>42221</v>
      </c>
      <c r="C2474" s="18"/>
    </row>
    <row r="2475" spans="1:3" x14ac:dyDescent="0.25">
      <c r="A2475" s="17" t="s">
        <v>1434</v>
      </c>
      <c r="B2475" s="15">
        <v>41841</v>
      </c>
      <c r="C2475" s="18"/>
    </row>
    <row r="2476" spans="1:3" x14ac:dyDescent="0.25">
      <c r="A2476" s="17" t="s">
        <v>334</v>
      </c>
      <c r="B2476" s="15">
        <v>39948</v>
      </c>
      <c r="C2476" s="18"/>
    </row>
    <row r="2477" spans="1:3" x14ac:dyDescent="0.25">
      <c r="A2477" s="17" t="s">
        <v>975</v>
      </c>
      <c r="B2477" s="15">
        <v>40928</v>
      </c>
      <c r="C2477" s="18"/>
    </row>
    <row r="2478" spans="1:3" x14ac:dyDescent="0.25">
      <c r="A2478" s="17" t="s">
        <v>1519</v>
      </c>
      <c r="B2478" s="15">
        <v>41985</v>
      </c>
      <c r="C2478" s="18"/>
    </row>
    <row r="2479" spans="1:3" x14ac:dyDescent="0.25">
      <c r="A2479" s="17" t="s">
        <v>1361</v>
      </c>
      <c r="B2479" s="15">
        <v>41718</v>
      </c>
      <c r="C2479" s="18"/>
    </row>
    <row r="2480" spans="1:3" x14ac:dyDescent="0.25">
      <c r="A2480" s="17" t="s">
        <v>1804</v>
      </c>
      <c r="B2480" s="15">
        <v>42481</v>
      </c>
      <c r="C2480" s="18"/>
    </row>
    <row r="2481" spans="1:3" x14ac:dyDescent="0.25">
      <c r="A2481" s="17" t="s">
        <v>1895</v>
      </c>
      <c r="B2481" s="15">
        <v>42620</v>
      </c>
      <c r="C2481" s="18"/>
    </row>
    <row r="2482" spans="1:3" x14ac:dyDescent="0.25">
      <c r="A2482" s="17" t="s">
        <v>326</v>
      </c>
      <c r="B2482" s="15">
        <v>39941</v>
      </c>
      <c r="C2482" s="18"/>
    </row>
    <row r="2483" spans="1:3" x14ac:dyDescent="0.25">
      <c r="A2483" s="12" t="s">
        <v>2551</v>
      </c>
      <c r="B2483" s="15">
        <v>43635</v>
      </c>
      <c r="C2483" s="14"/>
    </row>
    <row r="2484" spans="1:3" ht="45" x14ac:dyDescent="0.25">
      <c r="A2484" s="17" t="s">
        <v>1917</v>
      </c>
      <c r="B2484" s="26" t="s">
        <v>1918</v>
      </c>
      <c r="C2484" s="18"/>
    </row>
    <row r="2485" spans="1:3" x14ac:dyDescent="0.25">
      <c r="A2485" s="17" t="s">
        <v>661</v>
      </c>
      <c r="B2485" s="15">
        <v>40354</v>
      </c>
      <c r="C2485" s="18"/>
    </row>
    <row r="2486" spans="1:3" ht="45" x14ac:dyDescent="0.25">
      <c r="A2486" s="12" t="s">
        <v>2714</v>
      </c>
      <c r="B2486" s="13" t="s">
        <v>2715</v>
      </c>
      <c r="C2486" s="14"/>
    </row>
    <row r="2487" spans="1:3" x14ac:dyDescent="0.25">
      <c r="A2487" s="17" t="s">
        <v>1214</v>
      </c>
      <c r="B2487" s="15">
        <v>41438</v>
      </c>
      <c r="C2487" s="18"/>
    </row>
    <row r="2488" spans="1:3" ht="30" x14ac:dyDescent="0.25">
      <c r="A2488" s="12" t="s">
        <v>2759</v>
      </c>
      <c r="B2488" s="16">
        <v>44313</v>
      </c>
      <c r="C2488" s="14"/>
    </row>
    <row r="2489" spans="1:3" x14ac:dyDescent="0.25">
      <c r="A2489" s="17" t="s">
        <v>1419</v>
      </c>
      <c r="B2489" s="15">
        <v>41806</v>
      </c>
      <c r="C2489" s="18"/>
    </row>
    <row r="2490" spans="1:3" x14ac:dyDescent="0.25">
      <c r="A2490" s="17" t="s">
        <v>750</v>
      </c>
      <c r="B2490" s="15">
        <v>40484</v>
      </c>
      <c r="C2490" s="18"/>
    </row>
    <row r="2491" spans="1:3" x14ac:dyDescent="0.25">
      <c r="A2491" s="12" t="s">
        <v>2809</v>
      </c>
      <c r="B2491" s="16">
        <v>44441</v>
      </c>
      <c r="C2491" s="14"/>
    </row>
    <row r="2492" spans="1:3" x14ac:dyDescent="0.25">
      <c r="A2492" s="12" t="s">
        <v>2154</v>
      </c>
      <c r="B2492" s="15">
        <v>42958</v>
      </c>
      <c r="C2492" s="14"/>
    </row>
    <row r="2493" spans="1:3" x14ac:dyDescent="0.25">
      <c r="A2493" s="17" t="s">
        <v>613</v>
      </c>
      <c r="B2493" s="15">
        <v>40304</v>
      </c>
      <c r="C2493" s="18"/>
    </row>
    <row r="2494" spans="1:3" x14ac:dyDescent="0.25">
      <c r="A2494" s="17" t="s">
        <v>1701</v>
      </c>
      <c r="B2494" s="15">
        <v>42312</v>
      </c>
      <c r="C2494" s="18"/>
    </row>
    <row r="2495" spans="1:3" x14ac:dyDescent="0.25">
      <c r="A2495" s="17" t="s">
        <v>339</v>
      </c>
      <c r="B2495" s="15">
        <v>39955</v>
      </c>
      <c r="C2495" s="18"/>
    </row>
    <row r="2496" spans="1:3" x14ac:dyDescent="0.25">
      <c r="A2496" s="17" t="s">
        <v>1839</v>
      </c>
      <c r="B2496" s="15">
        <v>42530</v>
      </c>
      <c r="C2496" s="18"/>
    </row>
    <row r="2497" spans="1:3" ht="30" x14ac:dyDescent="0.25">
      <c r="A2497" s="17" t="s">
        <v>307</v>
      </c>
      <c r="B2497" s="15" t="s">
        <v>308</v>
      </c>
      <c r="C2497" s="18"/>
    </row>
    <row r="2498" spans="1:3" x14ac:dyDescent="0.25">
      <c r="A2498" s="17" t="s">
        <v>3167</v>
      </c>
      <c r="B2498" s="26" t="s">
        <v>3166</v>
      </c>
      <c r="C2498" s="14"/>
    </row>
    <row r="2499" spans="1:3" x14ac:dyDescent="0.25">
      <c r="A2499" s="20" t="s">
        <v>3241</v>
      </c>
      <c r="B2499" s="21">
        <v>45743</v>
      </c>
      <c r="C2499" s="22"/>
    </row>
    <row r="2500" spans="1:3" ht="30" x14ac:dyDescent="0.25">
      <c r="A2500" s="12" t="s">
        <v>2084</v>
      </c>
      <c r="B2500" s="15" t="s">
        <v>2085</v>
      </c>
      <c r="C2500" s="14"/>
    </row>
    <row r="2501" spans="1:3" ht="75" x14ac:dyDescent="0.25">
      <c r="A2501" s="17" t="s">
        <v>1756</v>
      </c>
      <c r="B2501" s="15" t="s">
        <v>1757</v>
      </c>
      <c r="C2501" s="27">
        <v>43531</v>
      </c>
    </row>
    <row r="2502" spans="1:3" ht="75" x14ac:dyDescent="0.25">
      <c r="A2502" s="17" t="s">
        <v>1756</v>
      </c>
      <c r="B2502" s="15" t="s">
        <v>1757</v>
      </c>
      <c r="C2502" s="27">
        <v>44607</v>
      </c>
    </row>
    <row r="2503" spans="1:3" x14ac:dyDescent="0.25">
      <c r="A2503" s="12" t="s">
        <v>3011</v>
      </c>
      <c r="B2503" s="24" t="s">
        <v>3012</v>
      </c>
      <c r="C2503" s="14"/>
    </row>
    <row r="2504" spans="1:3" x14ac:dyDescent="0.25">
      <c r="A2504" s="17" t="s">
        <v>1511</v>
      </c>
      <c r="B2504" s="15">
        <v>41964</v>
      </c>
      <c r="C2504" s="18"/>
    </row>
    <row r="2505" spans="1:3" x14ac:dyDescent="0.25">
      <c r="A2505" s="17" t="s">
        <v>83</v>
      </c>
      <c r="B2505" s="15">
        <v>39569</v>
      </c>
      <c r="C2505" s="18"/>
    </row>
    <row r="2506" spans="1:3" x14ac:dyDescent="0.25">
      <c r="A2506" s="17" t="s">
        <v>1545</v>
      </c>
      <c r="B2506" s="15">
        <v>42020</v>
      </c>
      <c r="C2506" s="18"/>
    </row>
    <row r="2507" spans="1:3" x14ac:dyDescent="0.25">
      <c r="A2507" s="17" t="s">
        <v>1039</v>
      </c>
      <c r="B2507" s="15">
        <v>41059</v>
      </c>
      <c r="C2507" s="18"/>
    </row>
    <row r="2508" spans="1:3" x14ac:dyDescent="0.25">
      <c r="A2508" s="17" t="s">
        <v>320</v>
      </c>
      <c r="B2508" s="15">
        <v>39937</v>
      </c>
      <c r="C2508" s="18"/>
    </row>
    <row r="2509" spans="1:3" ht="45" x14ac:dyDescent="0.25">
      <c r="A2509" s="17" t="s">
        <v>1932</v>
      </c>
      <c r="B2509" s="15" t="s">
        <v>1933</v>
      </c>
      <c r="C2509" s="18"/>
    </row>
    <row r="2510" spans="1:3" ht="45" x14ac:dyDescent="0.25">
      <c r="A2510" s="17" t="s">
        <v>15</v>
      </c>
      <c r="B2510" s="15" t="s">
        <v>16</v>
      </c>
      <c r="C2510" s="18"/>
    </row>
    <row r="2511" spans="1:3" ht="105" x14ac:dyDescent="0.25">
      <c r="A2511" s="17" t="s">
        <v>13</v>
      </c>
      <c r="B2511" s="15" t="s">
        <v>14</v>
      </c>
      <c r="C2511" s="27">
        <v>43160</v>
      </c>
    </row>
    <row r="2512" spans="1:3" x14ac:dyDescent="0.25">
      <c r="A2512" s="17" t="s">
        <v>369</v>
      </c>
      <c r="B2512" s="15" t="s">
        <v>370</v>
      </c>
      <c r="C2512" s="18"/>
    </row>
    <row r="2513" spans="1:3" ht="45" x14ac:dyDescent="0.25">
      <c r="A2513" s="17" t="s">
        <v>318</v>
      </c>
      <c r="B2513" s="15" t="s">
        <v>319</v>
      </c>
      <c r="C2513" s="18"/>
    </row>
    <row r="2514" spans="1:3" ht="75" x14ac:dyDescent="0.25">
      <c r="A2514" s="51" t="s">
        <v>1413</v>
      </c>
      <c r="B2514" s="15" t="s">
        <v>1414</v>
      </c>
      <c r="C2514" s="18"/>
    </row>
    <row r="2515" spans="1:3" x14ac:dyDescent="0.25">
      <c r="A2515" s="17" t="s">
        <v>188</v>
      </c>
      <c r="B2515" s="15">
        <v>39826</v>
      </c>
      <c r="C2515" s="18"/>
    </row>
    <row r="2516" spans="1:3" x14ac:dyDescent="0.25">
      <c r="A2516" s="17" t="s">
        <v>406</v>
      </c>
      <c r="B2516" s="15">
        <v>40014</v>
      </c>
      <c r="C2516" s="18"/>
    </row>
    <row r="2517" spans="1:3" ht="30" x14ac:dyDescent="0.25">
      <c r="A2517" s="17" t="s">
        <v>1870</v>
      </c>
      <c r="B2517" s="15" t="s">
        <v>1871</v>
      </c>
      <c r="C2517" s="14"/>
    </row>
    <row r="2518" spans="1:3" x14ac:dyDescent="0.25">
      <c r="A2518" s="12" t="s">
        <v>2148</v>
      </c>
      <c r="B2518" s="15">
        <v>42948</v>
      </c>
      <c r="C2518" s="14"/>
    </row>
    <row r="2519" spans="1:3" x14ac:dyDescent="0.25">
      <c r="A2519" s="12" t="s">
        <v>2102</v>
      </c>
      <c r="B2519" s="15">
        <v>42878</v>
      </c>
      <c r="C2519" s="14"/>
    </row>
    <row r="2520" spans="1:3" x14ac:dyDescent="0.25">
      <c r="A2520" s="17" t="s">
        <v>412</v>
      </c>
      <c r="B2520" s="15">
        <v>40016</v>
      </c>
      <c r="C2520" s="18"/>
    </row>
    <row r="2521" spans="1:3" x14ac:dyDescent="0.25">
      <c r="A2521" s="17" t="s">
        <v>1308</v>
      </c>
      <c r="B2521" s="15">
        <v>41631</v>
      </c>
      <c r="C2521" s="18"/>
    </row>
    <row r="2522" spans="1:3" x14ac:dyDescent="0.25">
      <c r="A2522" s="17" t="s">
        <v>55</v>
      </c>
      <c r="B2522" s="15">
        <v>39359</v>
      </c>
      <c r="C2522" s="18"/>
    </row>
    <row r="2523" spans="1:3" ht="45" x14ac:dyDescent="0.25">
      <c r="A2523" s="12" t="s">
        <v>2552</v>
      </c>
      <c r="B2523" s="15" t="s">
        <v>2553</v>
      </c>
      <c r="C2523" s="14"/>
    </row>
    <row r="2524" spans="1:3" x14ac:dyDescent="0.25">
      <c r="A2524" s="17" t="s">
        <v>1641</v>
      </c>
      <c r="B2524" s="15">
        <v>42206</v>
      </c>
      <c r="C2524" s="18"/>
    </row>
    <row r="2525" spans="1:3" x14ac:dyDescent="0.25">
      <c r="A2525" s="17" t="s">
        <v>136</v>
      </c>
      <c r="B2525" s="15">
        <v>39731</v>
      </c>
      <c r="C2525" s="18"/>
    </row>
    <row r="2526" spans="1:3" x14ac:dyDescent="0.25">
      <c r="A2526" s="17" t="s">
        <v>259</v>
      </c>
      <c r="B2526" s="15">
        <v>39888</v>
      </c>
      <c r="C2526" s="18"/>
    </row>
    <row r="2527" spans="1:3" ht="30" x14ac:dyDescent="0.25">
      <c r="A2527" s="17" t="s">
        <v>1301</v>
      </c>
      <c r="B2527" s="15" t="s">
        <v>1302</v>
      </c>
      <c r="C2527" s="18"/>
    </row>
    <row r="2528" spans="1:3" x14ac:dyDescent="0.25">
      <c r="A2528" s="17" t="s">
        <v>716</v>
      </c>
      <c r="B2528" s="15">
        <v>40447</v>
      </c>
      <c r="C2528" s="18"/>
    </row>
    <row r="2529" spans="1:3" x14ac:dyDescent="0.25">
      <c r="A2529" s="17" t="s">
        <v>1047</v>
      </c>
      <c r="B2529" s="15">
        <v>41073</v>
      </c>
      <c r="C2529" s="18"/>
    </row>
    <row r="2530" spans="1:3" x14ac:dyDescent="0.25">
      <c r="A2530" s="12" t="s">
        <v>2476</v>
      </c>
      <c r="B2530" s="15">
        <v>43488</v>
      </c>
      <c r="C2530" s="14"/>
    </row>
    <row r="2531" spans="1:3" x14ac:dyDescent="0.25">
      <c r="A2531" s="20" t="s">
        <v>3258</v>
      </c>
      <c r="B2531" s="21">
        <v>45833</v>
      </c>
      <c r="C2531" s="22"/>
    </row>
    <row r="2532" spans="1:3" x14ac:dyDescent="0.25">
      <c r="A2532" s="17" t="s">
        <v>860</v>
      </c>
      <c r="B2532" s="15">
        <v>40703</v>
      </c>
      <c r="C2532" s="18"/>
    </row>
    <row r="2533" spans="1:3" x14ac:dyDescent="0.25">
      <c r="A2533" s="17" t="s">
        <v>1621</v>
      </c>
      <c r="B2533" s="15">
        <v>42179</v>
      </c>
      <c r="C2533" s="18"/>
    </row>
    <row r="2534" spans="1:3" ht="90" x14ac:dyDescent="0.25">
      <c r="A2534" s="17" t="s">
        <v>409</v>
      </c>
      <c r="B2534" s="15" t="s">
        <v>410</v>
      </c>
      <c r="C2534" s="18"/>
    </row>
    <row r="2535" spans="1:3" x14ac:dyDescent="0.25">
      <c r="A2535" s="17" t="s">
        <v>1901</v>
      </c>
      <c r="B2535" s="15">
        <v>42628</v>
      </c>
      <c r="C2535" s="18"/>
    </row>
    <row r="2536" spans="1:3" ht="30" x14ac:dyDescent="0.25">
      <c r="A2536" s="12" t="s">
        <v>2762</v>
      </c>
      <c r="B2536" s="16">
        <v>44323</v>
      </c>
      <c r="C2536" s="14"/>
    </row>
    <row r="2537" spans="1:3" ht="30" x14ac:dyDescent="0.25">
      <c r="A2537" s="17" t="s">
        <v>530</v>
      </c>
      <c r="B2537" s="15" t="s">
        <v>531</v>
      </c>
      <c r="C2537" s="18"/>
    </row>
    <row r="2538" spans="1:3" x14ac:dyDescent="0.25">
      <c r="A2538" s="12" t="s">
        <v>2240</v>
      </c>
      <c r="B2538" s="15">
        <v>43060</v>
      </c>
      <c r="C2538" s="14"/>
    </row>
    <row r="2539" spans="1:3" x14ac:dyDescent="0.25">
      <c r="A2539" s="12" t="s">
        <v>2151</v>
      </c>
      <c r="B2539" s="15">
        <v>42954</v>
      </c>
      <c r="C2539" s="14"/>
    </row>
    <row r="2540" spans="1:3" x14ac:dyDescent="0.25">
      <c r="A2540" s="17" t="s">
        <v>1913</v>
      </c>
      <c r="B2540" s="15">
        <v>42650</v>
      </c>
      <c r="C2540" s="18"/>
    </row>
    <row r="2541" spans="1:3" x14ac:dyDescent="0.25">
      <c r="A2541" s="17" t="s">
        <v>1093</v>
      </c>
      <c r="B2541" s="15">
        <v>41142</v>
      </c>
      <c r="C2541" s="18"/>
    </row>
    <row r="2542" spans="1:3" x14ac:dyDescent="0.25">
      <c r="A2542" s="12" t="s">
        <v>1987</v>
      </c>
      <c r="B2542" s="15">
        <v>42739</v>
      </c>
      <c r="C2542" s="14"/>
    </row>
    <row r="2543" spans="1:3" x14ac:dyDescent="0.25">
      <c r="A2543" s="12" t="s">
        <v>2146</v>
      </c>
      <c r="B2543" s="15">
        <v>42941</v>
      </c>
      <c r="C2543" s="14"/>
    </row>
    <row r="2544" spans="1:3" x14ac:dyDescent="0.25">
      <c r="A2544" s="17" t="s">
        <v>338</v>
      </c>
      <c r="B2544" s="15">
        <v>39952</v>
      </c>
      <c r="C2544" s="18"/>
    </row>
    <row r="2545" spans="1:3" x14ac:dyDescent="0.25">
      <c r="A2545" s="17" t="s">
        <v>809</v>
      </c>
      <c r="B2545" s="15">
        <v>40602</v>
      </c>
      <c r="C2545" s="18"/>
    </row>
    <row r="2546" spans="1:3" x14ac:dyDescent="0.25">
      <c r="A2546" s="17" t="s">
        <v>192</v>
      </c>
      <c r="B2546" s="15">
        <v>39836</v>
      </c>
      <c r="C2546" s="18"/>
    </row>
    <row r="2547" spans="1:3" x14ac:dyDescent="0.25">
      <c r="A2547" s="17" t="s">
        <v>800</v>
      </c>
      <c r="B2547" s="15">
        <v>40591</v>
      </c>
      <c r="C2547" s="18"/>
    </row>
    <row r="2548" spans="1:3" ht="45" x14ac:dyDescent="0.25">
      <c r="A2548" s="17" t="s">
        <v>417</v>
      </c>
      <c r="B2548" s="15" t="s">
        <v>418</v>
      </c>
      <c r="C2548" s="18"/>
    </row>
    <row r="2549" spans="1:3" x14ac:dyDescent="0.25">
      <c r="A2549" s="17" t="s">
        <v>1861</v>
      </c>
      <c r="B2549" s="15">
        <v>42562</v>
      </c>
      <c r="C2549" s="18"/>
    </row>
    <row r="2550" spans="1:3" x14ac:dyDescent="0.25">
      <c r="A2550" s="12" t="s">
        <v>3073</v>
      </c>
      <c r="B2550" s="16">
        <v>45064</v>
      </c>
      <c r="C2550" s="14"/>
    </row>
    <row r="2551" spans="1:3" ht="45" x14ac:dyDescent="0.25">
      <c r="A2551" s="12" t="s">
        <v>2298</v>
      </c>
      <c r="B2551" s="15" t="s">
        <v>2299</v>
      </c>
      <c r="C2551" s="14"/>
    </row>
    <row r="2552" spans="1:3" x14ac:dyDescent="0.25">
      <c r="A2552" s="12" t="s">
        <v>2187</v>
      </c>
      <c r="B2552" s="15">
        <v>42998</v>
      </c>
      <c r="C2552" s="14"/>
    </row>
    <row r="2553" spans="1:3" x14ac:dyDescent="0.25">
      <c r="A2553" s="12" t="s">
        <v>2014</v>
      </c>
      <c r="B2553" s="15">
        <v>42781</v>
      </c>
      <c r="C2553" s="14"/>
    </row>
    <row r="2554" spans="1:3" ht="45" x14ac:dyDescent="0.25">
      <c r="A2554" s="17" t="s">
        <v>322</v>
      </c>
      <c r="B2554" s="26" t="s">
        <v>323</v>
      </c>
      <c r="C2554" s="18"/>
    </row>
    <row r="2555" spans="1:3" x14ac:dyDescent="0.25">
      <c r="A2555" s="17" t="s">
        <v>885</v>
      </c>
      <c r="B2555" s="15">
        <v>40753</v>
      </c>
      <c r="C2555" s="18"/>
    </row>
    <row r="2556" spans="1:3" x14ac:dyDescent="0.25">
      <c r="A2556" s="17" t="s">
        <v>654</v>
      </c>
      <c r="B2556" s="15">
        <v>40347</v>
      </c>
      <c r="C2556" s="18"/>
    </row>
    <row r="2557" spans="1:3" x14ac:dyDescent="0.25">
      <c r="A2557" s="12" t="s">
        <v>3043</v>
      </c>
      <c r="B2557" s="16">
        <v>44992</v>
      </c>
      <c r="C2557" s="14"/>
    </row>
    <row r="2558" spans="1:3" x14ac:dyDescent="0.25">
      <c r="A2558" s="17" t="s">
        <v>1007</v>
      </c>
      <c r="B2558" s="15">
        <v>40973</v>
      </c>
      <c r="C2558" s="18"/>
    </row>
    <row r="2559" spans="1:3" ht="45" x14ac:dyDescent="0.25">
      <c r="A2559" s="17" t="s">
        <v>293</v>
      </c>
      <c r="B2559" s="15" t="s">
        <v>294</v>
      </c>
      <c r="C2559" s="18"/>
    </row>
    <row r="2560" spans="1:3" ht="30" x14ac:dyDescent="0.25">
      <c r="A2560" s="17" t="s">
        <v>1318</v>
      </c>
      <c r="B2560" s="15" t="s">
        <v>1319</v>
      </c>
      <c r="C2560" s="18"/>
    </row>
    <row r="2561" spans="1:3" ht="45" x14ac:dyDescent="0.25">
      <c r="A2561" s="12" t="s">
        <v>2460</v>
      </c>
      <c r="B2561" s="15" t="s">
        <v>2461</v>
      </c>
      <c r="C2561" s="14"/>
    </row>
    <row r="2562" spans="1:3" x14ac:dyDescent="0.25">
      <c r="A2562" s="12" t="s">
        <v>2478</v>
      </c>
      <c r="B2562" s="15">
        <v>43489</v>
      </c>
      <c r="C2562" s="14"/>
    </row>
    <row r="2563" spans="1:3" x14ac:dyDescent="0.25">
      <c r="A2563" s="12" t="s">
        <v>2188</v>
      </c>
      <c r="B2563" s="15">
        <v>43000</v>
      </c>
      <c r="C2563" s="14"/>
    </row>
    <row r="2564" spans="1:3" x14ac:dyDescent="0.25">
      <c r="A2564" s="17" t="s">
        <v>1040</v>
      </c>
      <c r="B2564" s="15">
        <v>41064</v>
      </c>
      <c r="C2564" s="18"/>
    </row>
    <row r="2565" spans="1:3" x14ac:dyDescent="0.25">
      <c r="A2565" s="17" t="s">
        <v>462</v>
      </c>
      <c r="B2565" s="15">
        <v>40073</v>
      </c>
      <c r="C2565" s="18"/>
    </row>
    <row r="2566" spans="1:3" x14ac:dyDescent="0.25">
      <c r="A2566" s="12" t="s">
        <v>3194</v>
      </c>
      <c r="B2566" s="16">
        <v>45503</v>
      </c>
      <c r="C2566" s="14"/>
    </row>
    <row r="2567" spans="1:3" x14ac:dyDescent="0.25">
      <c r="A2567" s="12" t="s">
        <v>3195</v>
      </c>
      <c r="B2567" s="16">
        <v>45503</v>
      </c>
      <c r="C2567" s="14"/>
    </row>
    <row r="2568" spans="1:3" x14ac:dyDescent="0.25">
      <c r="A2568" s="12" t="s">
        <v>2763</v>
      </c>
      <c r="B2568" s="16">
        <v>44323</v>
      </c>
      <c r="C2568" s="14"/>
    </row>
    <row r="2569" spans="1:3" x14ac:dyDescent="0.25">
      <c r="A2569" s="17" t="s">
        <v>1124</v>
      </c>
      <c r="B2569" s="15">
        <v>41192</v>
      </c>
      <c r="C2569" s="18"/>
    </row>
    <row r="2570" spans="1:3" x14ac:dyDescent="0.25">
      <c r="A2570" s="12" t="s">
        <v>3048</v>
      </c>
      <c r="B2570" s="16">
        <v>45006</v>
      </c>
      <c r="C2570" s="14"/>
    </row>
    <row r="2571" spans="1:3" x14ac:dyDescent="0.25">
      <c r="A2571" s="17" t="s">
        <v>1075</v>
      </c>
      <c r="B2571" s="15">
        <v>41116</v>
      </c>
      <c r="C2571" s="18"/>
    </row>
    <row r="2572" spans="1:3" x14ac:dyDescent="0.25">
      <c r="A2572" s="12" t="s">
        <v>2804</v>
      </c>
      <c r="B2572" s="16">
        <v>44427</v>
      </c>
      <c r="C2572" s="14"/>
    </row>
    <row r="2573" spans="1:3" x14ac:dyDescent="0.25">
      <c r="A2573" s="17" t="s">
        <v>743</v>
      </c>
      <c r="B2573" s="15">
        <v>40476</v>
      </c>
      <c r="C2573" s="18"/>
    </row>
    <row r="2574" spans="1:3" x14ac:dyDescent="0.25">
      <c r="A2574" s="12" t="s">
        <v>2555</v>
      </c>
      <c r="B2574" s="15">
        <v>43637</v>
      </c>
      <c r="C2574" s="14"/>
    </row>
    <row r="2575" spans="1:3" x14ac:dyDescent="0.25">
      <c r="A2575" s="17" t="s">
        <v>1832</v>
      </c>
      <c r="B2575" s="15">
        <v>42514</v>
      </c>
      <c r="C2575" s="18"/>
    </row>
    <row r="2576" spans="1:3" x14ac:dyDescent="0.25">
      <c r="A2576" s="17" t="s">
        <v>1486</v>
      </c>
      <c r="B2576" s="15">
        <v>41925</v>
      </c>
      <c r="C2576" s="18"/>
    </row>
    <row r="2577" spans="1:3" x14ac:dyDescent="0.25">
      <c r="A2577" s="17" t="s">
        <v>1288</v>
      </c>
      <c r="B2577" s="15">
        <v>41575</v>
      </c>
      <c r="C2577" s="18"/>
    </row>
    <row r="2578" spans="1:3" x14ac:dyDescent="0.25">
      <c r="A2578" s="17" t="s">
        <v>1094</v>
      </c>
      <c r="B2578" s="15">
        <v>41143</v>
      </c>
      <c r="C2578" s="18"/>
    </row>
    <row r="2579" spans="1:3" x14ac:dyDescent="0.25">
      <c r="A2579" s="20" t="s">
        <v>3266</v>
      </c>
      <c r="B2579" s="21">
        <v>45867</v>
      </c>
      <c r="C2579" s="22"/>
    </row>
    <row r="2580" spans="1:3" x14ac:dyDescent="0.25">
      <c r="A2580" s="17" t="s">
        <v>411</v>
      </c>
      <c r="B2580" s="15">
        <v>40016</v>
      </c>
      <c r="C2580" s="18"/>
    </row>
    <row r="2581" spans="1:3" ht="45" x14ac:dyDescent="0.25">
      <c r="A2581" s="17" t="s">
        <v>371</v>
      </c>
      <c r="B2581" s="15" t="s">
        <v>372</v>
      </c>
      <c r="C2581" s="18"/>
    </row>
    <row r="2582" spans="1:3" x14ac:dyDescent="0.25">
      <c r="A2582" s="12" t="s">
        <v>2441</v>
      </c>
      <c r="B2582" s="15">
        <v>43409</v>
      </c>
      <c r="C2582" s="14"/>
    </row>
    <row r="2583" spans="1:3" x14ac:dyDescent="0.25">
      <c r="A2583" s="12" t="s">
        <v>2053</v>
      </c>
      <c r="B2583" s="15">
        <v>42822</v>
      </c>
      <c r="C2583" s="14"/>
    </row>
    <row r="2584" spans="1:3" ht="45" x14ac:dyDescent="0.25">
      <c r="A2584" s="12" t="s">
        <v>3160</v>
      </c>
      <c r="B2584" s="13" t="s">
        <v>3161</v>
      </c>
      <c r="C2584" s="14"/>
    </row>
    <row r="2585" spans="1:3" x14ac:dyDescent="0.25">
      <c r="A2585" s="17" t="s">
        <v>1606</v>
      </c>
      <c r="B2585" s="15">
        <v>42143</v>
      </c>
      <c r="C2585" s="18"/>
    </row>
    <row r="2586" spans="1:3" x14ac:dyDescent="0.25">
      <c r="A2586" s="12" t="s">
        <v>2893</v>
      </c>
      <c r="B2586" s="24" t="s">
        <v>2894</v>
      </c>
      <c r="C2586" s="14"/>
    </row>
    <row r="2587" spans="1:3" ht="30" x14ac:dyDescent="0.25">
      <c r="A2587" s="17" t="s">
        <v>506</v>
      </c>
      <c r="B2587" s="15">
        <v>40133</v>
      </c>
      <c r="C2587" s="18"/>
    </row>
    <row r="2588" spans="1:3" x14ac:dyDescent="0.25">
      <c r="A2588" s="17" t="s">
        <v>1626</v>
      </c>
      <c r="B2588" s="15">
        <v>42186</v>
      </c>
      <c r="C2588" s="18"/>
    </row>
    <row r="2589" spans="1:3" x14ac:dyDescent="0.25">
      <c r="A2589" s="17" t="s">
        <v>815</v>
      </c>
      <c r="B2589" s="15">
        <v>40611</v>
      </c>
      <c r="C2589" s="18"/>
    </row>
    <row r="2590" spans="1:3" x14ac:dyDescent="0.25">
      <c r="A2590" s="17" t="s">
        <v>312</v>
      </c>
      <c r="B2590" s="15">
        <v>39927</v>
      </c>
      <c r="C2590" s="18"/>
    </row>
  </sheetData>
  <autoFilter ref="A5:C2557" xr:uid="{00000000-0001-0000-0100-000000000000}">
    <sortState xmlns:xlrd2="http://schemas.microsoft.com/office/spreadsheetml/2017/richdata2" ref="A6:C2590">
      <sortCondition ref="A5:A2557"/>
    </sortState>
  </autoFilter>
  <hyperlinks>
    <hyperlink ref="C2511" r:id="rId1" display="https://www.jsheld.com/secure-uploads/BP-Joinder-Letters/WFA-03.01.18.pdf" xr:uid="{66A8E061-2F36-4770-ABD0-CC2127E4A0BB}"/>
    <hyperlink ref="C2168" r:id="rId2" display="https://www.jsheld.com/secure-uploads/BP-Joinder-Letters/Stephens-08.05.24.pdf" xr:uid="{9BB3D8FB-4BF3-419A-8D88-2AA67F51ED8F}"/>
    <hyperlink ref="C1510" r:id="rId3" display="https://www.jsheld.com/secure-uploads/BP-Joinder-Letters/ML-12.14.09.pdf" xr:uid="{A1A328B5-9E4A-44EA-9BF2-99E9BD5B6BF2}"/>
    <hyperlink ref="C1511" r:id="rId4" display="https://www.jsheld.com/secure-uploads/BP-Joinder-Letters/ML-12.22.15.pdf" xr:uid="{89D3C6E3-5290-4142-ADC2-D1040033A2FD}"/>
    <hyperlink ref="C454" r:id="rId5" display="https://www.jsheld.com/secure-uploads/BP-Joinder-Letters/Cary-Street-Partners-02.09.23.pdf" xr:uid="{586640F0-60CF-4CA2-8024-565729EA72FA}"/>
    <hyperlink ref="C453" r:id="rId6" display="https://www.jsheld.com/secure-uploads/BP-Joinder-Letters/Cary-Street-Partners-11.30.21.pdf" xr:uid="{E221F8B0-7FCC-442F-AAAD-A3C5865FD1FA}"/>
    <hyperlink ref="C893" r:id="rId7" display="https://www.jsheld.com/secure-uploads/BP-Joinder-Letters/Folger-Nolan-Fleming-Douglas-Inc.-04.01.25.pdf" xr:uid="{2AC4DAF5-2E69-41AE-9409-048DD7418923}"/>
    <hyperlink ref="C1410" r:id="rId8" display="https://www.jsheld.com/secure-uploads/BP-Joinder-Letters/LPL-01.03.10.pdf" xr:uid="{BB6574B4-4D73-43BC-B913-577A3AC79B34}"/>
    <hyperlink ref="C1411" r:id="rId9" display="https://www.jsheld.com/secure-uploads/BP-Joinder-Letters/LPL-01.07.19.pdf" xr:uid="{BC3A746C-3ADE-48AE-950B-CBEC2CE3DED5}"/>
    <hyperlink ref="C1412" r:id="rId10" display="https://www.jsheld.com/secure-uploads/BP-Joinder-Letters/LPL-03.07.22.pdf" xr:uid="{BE4C54E6-107A-4CDA-AB56-D73C42B9226F}"/>
    <hyperlink ref="C1413" r:id="rId11" display="https://www.jsheld.com/secure-uploads/BP-Joinder-Letters/LPL-04.14.23.pdf" xr:uid="{3526524C-34BD-4CFD-9AE0-052E8A58337D}"/>
    <hyperlink ref="C1242" r:id="rId12" display="https://www.jsheld.com/secure-uploads/BP-Joinder-Letters/Janney-08.24.17.pdf" xr:uid="{6E381859-158E-4C47-ACF6-F1B196327DD9}"/>
    <hyperlink ref="C1852" r:id="rId13" display="https://www.jsheld.com/secure-uploads/BP-Joinder-Letters/Prospera-04.14.23.pdf" xr:uid="{CE692521-7359-4BCB-A166-94D885B5F9CF}"/>
    <hyperlink ref="C2004" r:id="rId14" display="https://www.jsheld.com/secure-uploads/BP-Joinder-Letters/David-A-Noyes-06.25.13.pdf" xr:uid="{3F58AEAE-954E-450B-8C6B-814C532FBBAE}"/>
    <hyperlink ref="C118" r:id="rId15" display="https://www.jsheld.com/secure-uploads/BP-Joinder-Letters/Ameriprise-Financial-06.11.09.pdf" xr:uid="{B058ED6F-DE7B-4A4E-A56F-7B0941B07948}"/>
    <hyperlink ref="C119" r:id="rId16" display="https://www.jsheld.com/secure-uploads/BP-Joinder-Letters/Ameriprise-Financial-09.25.13.pdf" xr:uid="{40B38FC7-2966-472D-84C7-25E6333355AF}"/>
    <hyperlink ref="C120" r:id="rId17" display="https://www.jsheld.com/secure-uploads/BP-Joinder-Letters/Ameriprise-Financial-09.12.18.pdf" xr:uid="{8CA448FF-1FCA-4C77-82C6-18DAC1D99762}"/>
    <hyperlink ref="C121" r:id="rId18" display="https://www.jsheld.com/secure-uploads/BP-Joinder-Letters/Ameriprise-Financial-06.30.21.pdf" xr:uid="{E57B8298-1531-4F4B-9080-80356D6E16D1}"/>
    <hyperlink ref="C122" r:id="rId19" display="https://www.jsheld.com/secure-uploads/BP-Joinder-Letters/Ameriprise-Financial-05.23.22.pdf" xr:uid="{121DC114-8A60-453B-8AB1-3FC7AD38DA7B}"/>
    <hyperlink ref="C123" r:id="rId20" display="https://www.jsheld.com/secure-uploads/BP-Joinder-Letters/Ameriprise-Financial-06.11.09.pdf" xr:uid="{7E78C3CE-A06C-418B-8272-560AE47D3D49}"/>
    <hyperlink ref="C124" r:id="rId21" display="https://www.jsheld.com/secure-uploads/BP-Joinder-Letters/Ameriprise-Financial-09.25.13.pdf" xr:uid="{2DDF6AD7-00AE-455B-8C19-54C4A8C464F5}"/>
    <hyperlink ref="C125" r:id="rId22" display="https://www.jsheld.com/secure-uploads/BP-Joinder-Letters/Ameriprise-Financial-09.12.18.pdf" xr:uid="{F3CD74AF-E8CE-4246-A332-3773201A26A0}"/>
    <hyperlink ref="C126" r:id="rId23" display="https://www.jsheld.com/secure-uploads/BP-Joinder-Letters/Ameriprise-Financial-06.30.21.pdf" xr:uid="{42C35B9A-F549-4289-B17C-AA754D1D9004}"/>
    <hyperlink ref="C127" r:id="rId24" display="https://www.jsheld.com/secure-uploads/BP-Joinder-Letters/Ameriprise-Financial-05.23.22.pdf" xr:uid="{46F006BA-6E1F-479C-A278-03DC3C49AD7E}"/>
    <hyperlink ref="C852" r:id="rId25" display="https://www.jsheld.com/secure-uploads/BP-Joinder-Letters/FinTrust-12.26.17.pdf" xr:uid="{78377361-55DC-4CA0-8B85-D43135A64F12}"/>
    <hyperlink ref="C850" r:id="rId26" display="https://www.jsheld.com/secure-uploads/BP-Joinder-Letters/FinTrust-12.26.17.pdf" xr:uid="{56E48BC8-7171-4631-8FB7-51268D5059E4}"/>
    <hyperlink ref="C480" r:id="rId27" display="https://www.jsheld.com/secure-uploads/BP-Joinder-Letters/Cetera-01.25.16.pdf" xr:uid="{AF302436-5D37-415C-BF9E-D5A4BAC10B2B}"/>
    <hyperlink ref="C510" r:id="rId28" display="https://www.jsheld.com/secure-uploads/BP-Joinder-Letters/City-Bank-Texas-02.21.12.pdf" xr:uid="{C93CD00B-47F9-42A3-AE5A-E059F5FBB7C5}"/>
    <hyperlink ref="C978" r:id="rId29" display="https://www.jsheld.com/secure-uploads/BP-Joinder-Letters/Gitterman-10.23.20.pdf" xr:uid="{B7CDE097-8692-4B54-9F5C-91A894B6E599}"/>
    <hyperlink ref="C873" r:id="rId30" display="https://www.jsheld.com/secure-uploads/BP-Joinder-Letters/FRS-07.02.12.pdf" xr:uid="{068929AE-ADAF-40FC-86E7-A406290E72CE}"/>
    <hyperlink ref="C874" r:id="rId31" display="https://www.jsheld.com/secure-uploads/BP-Joinder-Letters/FRS-03.21.13.pdf" xr:uid="{FF5E6FA9-A5D1-4090-94F0-4C4B0C563135}"/>
    <hyperlink ref="C875" r:id="rId32" display="https://www.jsheld.com/secure-uploads/BP-Joinder-Letters/FRS-02.06.14.pdf" xr:uid="{367DA401-D703-4E49-A9FE-2AEF37869C9E}"/>
    <hyperlink ref="C2175" r:id="rId33" display="https://www.jsheld.com/secure-uploads/BP-Joinder-Letters/Steward-11.06.24.pdf" xr:uid="{7AF56A2E-3FCC-401C-AC1F-05EABA4E21D0}"/>
    <hyperlink ref="C1228" r:id="rId34" display="https://www.jsheld.com/secure-uploads/BP-Joinder-Letters/JPM-07.17.16.pdf" xr:uid="{10BD7A7F-37DB-4938-B73C-AAE3415447D1}"/>
    <hyperlink ref="C1229" r:id="rId35" display="https://www.jsheld.com/secure-uploads/BP-Joinder-Letters/JPM-04.27.21.pdf" xr:uid="{34B401DE-54F3-4995-8F99-BC9F961A385A}"/>
    <hyperlink ref="C1742" r:id="rId36" display="https://www.jsheld.com/secure-uploads/BP-Joinder-Letters/Park-Avenue-Investment-Advisory-0208.23.pdf" xr:uid="{2CD4DA13-547B-4C4B-863A-6EE3274E33C8}"/>
    <hyperlink ref="C2369" r:id="rId37" display="https://www.jsheld.com/secure-uploads/BP-Joinder-Letters/Truist-09.08.21.pdf" xr:uid="{F8548903-E811-4B84-8C53-B79D51B28889}"/>
    <hyperlink ref="C1514" r:id="rId38" display="https://www.jsheld.com/secure-uploads/BP-Joinder-Letters/MetLife-01.07.15.pdf" xr:uid="{57713B3C-C300-4AAD-A9ED-6461B53ADE3E}"/>
    <hyperlink ref="C2267" r:id="rId39" display="https://www.jsheld.com/secure-uploads/BP-Joinder-Letters/TBT-Financial-09.30.15.pdf" xr:uid="{5137CFA2-2714-4275-9C70-1B5BAB5FC6BA}"/>
    <hyperlink ref="C2501" r:id="rId40" display="https://www.jsheld.com/secure-uploads/BP-Joinder-Letters/WealthSource-03.07.19.pdf" xr:uid="{4F215D6F-9289-4697-9CC1-120A314BEA62}"/>
    <hyperlink ref="C2502" r:id="rId41" display="https://www.jsheld.com/secure-uploads/BP-Joinder-Letters/WealthSource-02.15.22.pdf" xr:uid="{665B847A-2837-4C9E-B1A7-9B24A4F5D818}"/>
    <hyperlink ref="C1845" r:id="rId42" display="https://www.jsheld.com/secure-uploads/BP-Joinder-Letters/ProEquities-11.29.16.pdf" xr:uid="{1A81A508-C7C0-4ED9-B519-41DDDDE95D1C}"/>
    <hyperlink ref="C400" r:id="rId43" display="https://www.jsheld.com/secure-uploads/BP-Joinder-Letters/Calton-02.01.17.pdf" xr:uid="{CC7C6298-F614-4EE3-92B7-725779927446}"/>
    <hyperlink ref="C1854" r:id="rId44" display="https://www.jsheld.com/secure-uploads/BP-Joinder-Letters/Prosperity-Bank-03.15.17.pdf" xr:uid="{A8860BAC-4C55-4EEA-A0C7-0E6051FF70E3}"/>
    <hyperlink ref="C883" r:id="rId45" display="https://www.jsheld.com/secure-uploads/BP-Joinder-Letters/Flaharty-03.28.17.pdf" xr:uid="{14B2F049-26ED-4F42-A85C-38E10794E36D}"/>
    <hyperlink ref="C618" r:id="rId46" display="https://www.jsheld.com/secure-uploads/BP-Joinder-Letters/Cresset-04.19.23.pdf" xr:uid="{AAD4F5E5-CD10-4BA3-8A5C-12253A7DB80B}"/>
    <hyperlink ref="C619" r:id="rId47" display="https://www.jsheld.com/secure-uploads/BP-Joinder-Letters/Cresset-04.17.24.pdf" xr:uid="{0D275413-5972-4529-A596-0D4E6EC2FC27}"/>
    <hyperlink ref="C2401" r:id="rId48" display="https://www.jsheld.com/secure-uploads/BP-Joinder-Letters/United-Planners-08.01.17.pdf" xr:uid="{678DE3E8-4E8F-4AFD-B965-C1773B968F77}"/>
    <hyperlink ref="C1899" r:id="rId49" display="https://www.jsheld.com/secure-uploads/BP-Joinder-Letters/Raymond-James-09.13.17.pdf" xr:uid="{9F4F81AB-0A3C-4AC2-85AE-C3461597F743}"/>
    <hyperlink ref="C1421" r:id="rId50" display="https://www.jsheld.com/secure-uploads/BP-Joinder-Letters/LegacyWealth-03.12.18.pdf" xr:uid="{D4C898B4-DBCE-4A57-9556-441DE9988EAA}"/>
    <hyperlink ref="C505" r:id="rId51" display="https://www.jsheld.com/secure-uploads/BP-Joinder-Letters/Citigroup-Global-Markets-Inc-10.25.13.pdf" xr:uid="{D6FCA439-C1E0-45D5-9A3A-5DD5A6494EDE}"/>
    <hyperlink ref="C2179" r:id="rId52" display="https://www.jsheld.com/secure-uploads/BP-Joinder-Letters/Stifel-09.08.23.pdf" xr:uid="{F14DD4BB-3D11-4AE3-94A1-3EA2698EC74B}"/>
    <hyperlink ref="C1476" r:id="rId53" display="https://www.jsheld.com/secure-uploads/BP-Joinder-Letters/Matauro-09.27.24.pdf" xr:uid="{0BDB0CF3-ABB7-4676-8422-49C8B4C62AF8}"/>
    <hyperlink ref="C508" r:id="rId54" display="https://www.jsheld.com/secure-uploads/BP-Joinder-Letters/Citizens-Securities-06.13.23.pdf" xr:uid="{565AA0CD-9F03-4691-983B-EDA9DF36CE4E}"/>
    <hyperlink ref="C1741" r:id="rId55" display="https://www.jsheld.com/secure-uploads/BP-Joinder-Letters/Park-Avenue-Investment-Advisory-0208.23.pdf" xr:uid="{E5E472A2-C804-4E5C-8D2C-132E6E50C24D}"/>
    <hyperlink ref="C867" r:id="rId56" display="https://www.jsheld.com/secure-uploads/BP-Joinder-Letters/First-Invesments-Planning-01.08.24.pdf" xr:uid="{24F3DE7D-C716-4322-9984-BF0D9B994DF1}"/>
    <hyperlink ref="C1186" r:id="rId57" display="https://www.jsheld.com/secure-uploads/BP-Joinder-Letters/IAIM-LLC-07.06.22.pdf" xr:uid="{0CBC4C40-5792-42D8-BAA4-C8ACB34DC3E0}"/>
    <hyperlink ref="C1187" r:id="rId58" display="https://www.jsheld.com/secure-uploads/BP-Joinder-Letters/IAIM-LLC-07.06.22.pdf" xr:uid="{2E1AC0AD-C1A8-4CC4-9530-D7A12BE4A68C}"/>
    <hyperlink ref="C1545" r:id="rId59" display="https://www.jsheld.com/secure-uploads/BP-Joinder-Letters/MassMutual-02.22.22.pdf" xr:uid="{5175D770-E3DB-4F49-B90E-21B59925A9D8}"/>
    <hyperlink ref="C775" r:id="rId60" display="https://www.jsheld.com/secure-uploads/BP-Joinder-Letters/Equitable-12.07.21.pdf" xr:uid="{5FFAA542-F2C0-4772-A216-E64EB957356F}"/>
    <hyperlink ref="C448" r:id="rId61" display="https://www.jsheld.com/secure-uploads/BP-Joinder-Letters/Carnegie-Investment-09.09.21.pdf" xr:uid="{3AA7A5F6-B9BF-4602-8C67-4462E0A98089}"/>
    <hyperlink ref="C2177" r:id="rId62" display="https://www.jsheld.com/secure-uploads/BP-Joinder-Letters/Steward-11.06.24.pdf" xr:uid="{6D5327D9-68DD-43D6-9E45-87C1A978238F}"/>
    <hyperlink ref="C2460" r:id="rId63" display="https://www.jsheld.com/secure-uploads/BP-Joinder-Letters/Voya-05.19.20.pdf" xr:uid="{8C61418D-91B1-4A82-88C9-D40F00BA3634}"/>
    <hyperlink ref="C1509" r:id="rId64" display="https://www.jsheld.com/secure-uploads/BP-Joinder-Letters/Merit-06.14.19.pdf" xr:uid="{0ED56463-DE2A-496A-AEB0-6ECBB67EE5D6}"/>
    <hyperlink ref="C2314" r:id="rId65" display="https://www.jsheld.com/secure-uploads/BP-Joinder-Letters/Thrivent-01.07.21.pdf" xr:uid="{43044B9E-A10A-4386-9410-797CDFF5C331}"/>
    <hyperlink ref="C2368" r:id="rId66" display="https://www.jsheld.com/secure-uploads/BP-Joinder-Letters/SunTrust-02.01.19.pdf" xr:uid="{1ACEEA86-C160-4D91-95D6-3EA7E4A3A0B0}"/>
    <hyperlink ref="C2367" r:id="rId67" display="https://www.jsheld.com/secure-uploads/BP-Joinder-Letters/SunTrust-11.10.14.pdf" xr:uid="{9BD01FE9-82D6-4448-A4EE-49AC61D810F2}"/>
    <hyperlink ref="C1764" r:id="rId68" display="https://www.jsheld.com/secure-uploads/BP-Joinder-Letters/Peoples-Bank-01.26.17.pdf" xr:uid="{BD8AB890-254D-4525-91F4-1B4EF1D10C3E}"/>
    <hyperlink ref="C1409" r:id="rId69" display="https://www.jsheld.com/secure-uploads/BP-Joinder-Letters/LPL-Enterprise-11.15.24.pdf" xr:uid="{3F444A57-76B0-4093-B4B6-A65A416ECEEA}"/>
    <hyperlink ref="C2176" r:id="rId70" display="https://www.jsheld.com/secure-uploads/BP-Joinder-Letters/Steward-11.06.24.pdf" xr:uid="{EAB0B7B8-E45D-4522-8115-515ADAAA86F2}"/>
    <hyperlink ref="C882" r:id="rId71" display="https://www.jsheld.com/secure-uploads/BP-Joinder-Letters/Flagstar-06.16.23.pdf" xr:uid="{657AC272-D34C-4D8E-AD18-4C8D0817D161}"/>
    <hyperlink ref="C866" r:id="rId72" display="https://www.jsheld.com/secure-uploads/BP-Joinder-Letters/fnbo-08.24.22.pdf" xr:uid="{48F48EE6-3B0B-42F3-A0D5-1FE1D26E476F}"/>
    <hyperlink ref="C506" r:id="rId73" display="https://www.jsheld.com/secure-uploads/BP-Joinder-Letters/Citizens-Bank-10.21.20.pdf" xr:uid="{DF6B982C-265B-497D-A68E-5CD282294E27}"/>
    <hyperlink ref="C507" r:id="rId74" display="https://www.jsheld.com/secure-uploads/BP-Joinder-Letters/Citizens-Financial-Group-02.26.24.pdf" xr:uid="{0B588691-DB19-455D-BB18-7A21FC87C413}"/>
    <hyperlink ref="C260" r:id="rId75" display="https://www.jsheld.com/secure-uploads/BP-Joinder-Letters/BBT-Securities-11.13.13.pdf" xr:uid="{81255BDA-EC17-40FD-80F4-5BFC5F7AEA8D}"/>
    <hyperlink ref="C261" r:id="rId76" display="https://www.jsheld.com/secure-uploads/BP-Joinder-Letters/BBT-Securities-12.19.17.pdf" xr:uid="{BA0F4091-A1D8-41C5-A85A-FD8806E845B0}"/>
    <hyperlink ref="C1141" r:id="rId77" display="https://www.jsheld.com/secure-uploads/BP-Joinder-Letters/BHT-Wealth-Mngmnt-05.11.15.pdf" xr:uid="{84723F04-54E4-4589-B5EC-3EEC4194D4F3}"/>
    <hyperlink ref="C409" r:id="rId78" display="https://www.jsheld.com/secure-uploads/BP-Joinder-Letters/Campbell-06.15.21.pdf" xr:uid="{BB8EF05C-B759-44FB-9185-C3838786D464}"/>
    <hyperlink ref="C1324" r:id="rId79" display="https://www.jsheld.com/secure-uploads/BP-Joinder-Letters/Krilogy-04.10.24.pdf" xr:uid="{CA6EC077-EC85-4C86-8E15-30FA843B626E}"/>
    <hyperlink ref="C1707" r:id="rId80" display="https://www.jsheld.com/secure-uploads/BP-Joinder-Letters/LFG-02.27.15.pdf" xr:uid="{410A23BB-FE45-46F6-99A3-B182F20FEE84}"/>
    <hyperlink ref="C876" r:id="rId81" display="https://www.jsheld.com/secure-uploads/BP-Joinder-Letters/First-Republic-Securities-Company-LLC.pdf" xr:uid="{4CBFFB84-E2B6-408A-B9C5-C02173750E86}"/>
    <hyperlink ref="C936" r:id="rId82" display="https://www.jsheld.com/secure-uploads/BP-Joinder-Letters/2018.12.27-Frost-Brokerage-Investment-Services-Qualifications.pdf" xr:uid="{9C65E979-5961-4AD3-8EE5-61EA35865A3C}"/>
    <hyperlink ref="C937" r:id="rId83" display="https://www.jsheld.com/secure-uploads/BP-Joinder-Letters/2018.12.27-Frost-Brokerage-Investment-Services-Qualifications.pdf" xr:uid="{1A826E9A-AE43-4618-96EE-37612C4AAE9A}"/>
    <hyperlink ref="C815" r:id="rId84" display="https://www.jsheld.com/secure-uploads/BP-Joinder-Letters/FBL-MS-FBL-WM-5.20.25.pdf" xr:uid="{3333B859-E631-40D5-8A06-AD9686FB8D46}"/>
    <hyperlink ref="C816" r:id="rId85" display="https://www.jsheld.com/secure-uploads/BP-Joinder-Letters/FBL-MS-FBL-WM-5.20.25.pdf" xr:uid="{0360AFCB-14E1-4949-BAB5-5391FEF03E09}"/>
    <hyperlink ref="C1896" r:id="rId86" display="https://www.jsheld.com/secure-uploads/BP-Joinder-Letters/Raymond-James-11.07.12.pdf" xr:uid="{1CCE9284-45A8-450C-A5A4-210FAC64B38A}"/>
    <hyperlink ref="C812" r:id="rId87" display="https://www.jsheld.com/secure-uploads/BP-Joinder-Letters/Farther-Finance-Advisors-07.21.21.pdf" xr:uid="{AD1EB904-B52D-46EE-B933-B6FC6104047C}"/>
    <hyperlink ref="C186" r:id="rId88" display="https://www.jsheld.com/secure-uploads/BP-Joinder-Letters/Atlantic-Union-Financial-Consultants-10-10-25.pdf" xr:uid="{E96AFECF-6E0A-4ECA-AC89-F9F45C6863FA}"/>
    <hyperlink ref="C1837" r:id="rId89" display="https://www.jsheld.com/secure-uploads/BP-Joinder-Letters/Private-Advisor-Group-LLC-11.12.2025.pdf" xr:uid="{76B65AFE-D51A-49A6-89B5-1DB9170EEF89}"/>
    <hyperlink ref="C1894" r:id="rId90" display="https://www.jsheld.com/secure-uploads/BP-Joinder-Letters/RJFSA-11.14.25_1.pdf" xr:uid="{EBFE07CE-DC63-4AFB-81CE-4A8127E7B1E4}"/>
    <hyperlink ref="C1897" r:id="rId91" display="https://www.jsheld.com/secure-uploads/BP-Joinder-Letters/RJFSA-11.14.25_2.pdf" xr:uid="{D918D170-3641-4D18-8260-2F7248D19F39}"/>
  </hyperlinks>
  <pageMargins left="0.25" right="0.25" top="0.75" bottom="0.75" header="0.3" footer="0.3"/>
  <pageSetup scale="89" fitToHeight="7" orientation="landscape" horizontalDpi="1200" verticalDpi="1200" r:id="rId92"/>
  <drawing r:id="rId9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JSH Sign In Shee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98C89AD-2B07-4ACC-98EE-180F18F799CD}">
  <ds:schemaRefs/>
</ds:datastoreItem>
</file>

<file path=customXml/itemProps2.xml><?xml version="1.0" encoding="utf-8"?>
<ds:datastoreItem xmlns:ds="http://schemas.openxmlformats.org/officeDocument/2006/customXml" ds:itemID="{B21CE0F3-1DBE-4E94-9212-F0D35E44C0BF}">
  <ds:schemaRefs/>
</ds:datastoreItem>
</file>

<file path=customXml/itemProps3.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4.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5.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5-12-01T17: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